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2_03人口・社会統計課\01_人口統計\02_人口統計\03_年齢別\R4年齢別\03_R4公表資料\04_ホームページ用\表1から表16、参考資料1・2\"/>
    </mc:Choice>
  </mc:AlternateContent>
  <bookViews>
    <workbookView xWindow="0" yWindow="0" windowWidth="28800" windowHeight="13740" tabRatio="849"/>
  </bookViews>
  <sheets>
    <sheet name="表１・２" sheetId="1" r:id="rId1"/>
    <sheet name="表３" sheetId="2" r:id="rId2"/>
    <sheet name="表４・5" sheetId="3" r:id="rId3"/>
    <sheet name="表６" sheetId="4" r:id="rId4"/>
    <sheet name="表７" sheetId="5" r:id="rId5"/>
    <sheet name="表８" sheetId="6" r:id="rId6"/>
    <sheet name="表９" sheetId="7" r:id="rId7"/>
    <sheet name="表10" sheetId="8" r:id="rId8"/>
    <sheet name="表11-1" sheetId="9" r:id="rId9"/>
    <sheet name="表11-2" sheetId="10" r:id="rId10"/>
    <sheet name="表11-3" sheetId="11" r:id="rId11"/>
    <sheet name="表12" sheetId="12" r:id="rId12"/>
    <sheet name="表13" sheetId="13" r:id="rId13"/>
    <sheet name="表14-1" sheetId="14" r:id="rId14"/>
    <sheet name="表14-2" sheetId="15" r:id="rId15"/>
    <sheet name="表14-3" sheetId="16" r:id="rId16"/>
    <sheet name="表14-4" sheetId="17" r:id="rId17"/>
    <sheet name="表14-5" sheetId="18" r:id="rId18"/>
    <sheet name="表14-6" sheetId="19" r:id="rId19"/>
    <sheet name="表14-7" sheetId="20" r:id="rId20"/>
    <sheet name="表15-1" sheetId="21" r:id="rId21"/>
    <sheet name="表15-2" sheetId="22" r:id="rId22"/>
    <sheet name="表15-3" sheetId="23" r:id="rId23"/>
    <sheet name="表15-4" sheetId="24" r:id="rId24"/>
    <sheet name="表15-5" sheetId="25" r:id="rId25"/>
    <sheet name="表15-6" sheetId="26" r:id="rId26"/>
    <sheet name="表15-7" sheetId="27" r:id="rId27"/>
    <sheet name="表16-1" sheetId="28" r:id="rId28"/>
    <sheet name="表16-2" sheetId="29" r:id="rId29"/>
    <sheet name="表16-3" sheetId="30" r:id="rId30"/>
    <sheet name="表16-4" sheetId="31" r:id="rId31"/>
    <sheet name="参考資料１" sheetId="32" r:id="rId32"/>
    <sheet name="参考資料２" sheetId="33" r:id="rId33"/>
  </sheets>
  <definedNames>
    <definedName name="_xlnm.Print_Area" localSheetId="31">参考資料１!$A$1:$K$76</definedName>
    <definedName name="_xlnm.Print_Area" localSheetId="32">参考資料２!$A$1:$J$61</definedName>
    <definedName name="_xlnm.Print_Area" localSheetId="0">表１・２!$A$1:$H$58</definedName>
    <definedName name="_xlnm.Print_Area" localSheetId="8">'表11-1'!$A$1:$V$80</definedName>
    <definedName name="_xlnm.Print_Area" localSheetId="9">'表11-2'!$A$1:$V$80</definedName>
    <definedName name="_xlnm.Print_Area" localSheetId="10">'表11-3'!$A$1:$V$80</definedName>
    <definedName name="_xlnm.Print_Area" localSheetId="11">表12!$A$1:$K$63</definedName>
    <definedName name="_xlnm.Print_Area" localSheetId="12">表13!$A$1:$K$79</definedName>
    <definedName name="_xlnm.Print_Area" localSheetId="13">'表14-1'!$A$1:$AF$38</definedName>
    <definedName name="_xlnm.Print_Area" localSheetId="14">'表14-2'!$A$1:$AF$38</definedName>
    <definedName name="_xlnm.Print_Area" localSheetId="15">'表14-3'!$A$1:$AF$38</definedName>
    <definedName name="_xlnm.Print_Area" localSheetId="16">'表14-4'!$A$1:$AF$38</definedName>
    <definedName name="_xlnm.Print_Area" localSheetId="17">'表14-5'!$A$1:$AF$38</definedName>
    <definedName name="_xlnm.Print_Area" localSheetId="18">'表14-6'!$A$1:$AF$38</definedName>
    <definedName name="_xlnm.Print_Area" localSheetId="19">'表14-7'!$A$1:$AF$38</definedName>
    <definedName name="_xlnm.Print_Area" localSheetId="27">'表16-1'!$A$1:$N$73</definedName>
    <definedName name="_xlnm.Print_Area" localSheetId="28">'表16-2'!$A$1:$N$71</definedName>
    <definedName name="_xlnm.Print_Area" localSheetId="29">'表16-3'!$A$1:$N$73</definedName>
    <definedName name="_xlnm.Print_Area" localSheetId="30">'表16-4'!$A$1:$N$73</definedName>
    <definedName name="_xlnm.Print_Area" localSheetId="1">表３!$A$1:$H$72</definedName>
    <definedName name="_xlnm.Print_Area" localSheetId="2">表４・5!$A$1:$I$52</definedName>
    <definedName name="_xlnm.Print_Area" localSheetId="3">表６!$A$1:$K$38</definedName>
    <definedName name="_xlnm.Print_Area" localSheetId="4">表７!$A$1:$L$14</definedName>
    <definedName name="_xlnm.Print_Area" localSheetId="5">表８!$A$1:$I$59</definedName>
    <definedName name="_xlnm.Print_Area" localSheetId="6">表９!$A$1:$I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99" uniqueCount="961">
  <si>
    <t>【表１】年齢（３区分）別人口及び構成比の推移〈神奈川県、全国〉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8">
      <t>コウセイ</t>
    </rPh>
    <rPh sb="18" eb="19">
      <t>ヒ</t>
    </rPh>
    <rPh sb="20" eb="22">
      <t>スイイ</t>
    </rPh>
    <rPh sb="23" eb="27">
      <t>カナガワケン</t>
    </rPh>
    <rPh sb="28" eb="30">
      <t>ゼンコク</t>
    </rPh>
    <phoneticPr fontId="2"/>
  </si>
  <si>
    <t>調　査　時　点</t>
    <rPh sb="0" eb="3">
      <t>チョウサ</t>
    </rPh>
    <rPh sb="4" eb="7">
      <t>ジテン</t>
    </rPh>
    <phoneticPr fontId="2"/>
  </si>
  <si>
    <t>総　　数</t>
    <rPh sb="0" eb="4">
      <t>ソウスウ</t>
    </rPh>
    <phoneticPr fontId="2"/>
  </si>
  <si>
    <t>年少人口</t>
    <rPh sb="0" eb="2">
      <t>ネンショウ</t>
    </rPh>
    <rPh sb="2" eb="4">
      <t>ジンコウ</t>
    </rPh>
    <phoneticPr fontId="2"/>
  </si>
  <si>
    <t>生産年齢人口</t>
    <rPh sb="0" eb="2">
      <t>セイサン</t>
    </rPh>
    <rPh sb="2" eb="4">
      <t>ネンレイ</t>
    </rPh>
    <rPh sb="4" eb="6">
      <t>ジンコウ</t>
    </rPh>
    <phoneticPr fontId="2"/>
  </si>
  <si>
    <t>老年人口</t>
    <rPh sb="0" eb="2">
      <t>ロウネン</t>
    </rPh>
    <rPh sb="2" eb="4">
      <t>ジンコウ</t>
    </rPh>
    <phoneticPr fontId="2"/>
  </si>
  <si>
    <t>（各年１月１日現在）</t>
    <rPh sb="1" eb="2">
      <t>カク</t>
    </rPh>
    <rPh sb="2" eb="3">
      <t>ネン</t>
    </rPh>
    <rPh sb="4" eb="5">
      <t>ツキ</t>
    </rPh>
    <rPh sb="6" eb="7">
      <t>ヒ</t>
    </rPh>
    <rPh sb="7" eb="9">
      <t>ゲンザイ</t>
    </rPh>
    <phoneticPr fontId="2"/>
  </si>
  <si>
    <t>（0～14歳）</t>
    <rPh sb="5" eb="6">
      <t>サイ</t>
    </rPh>
    <phoneticPr fontId="2"/>
  </si>
  <si>
    <t>(15～64歳）</t>
    <rPh sb="6" eb="7">
      <t>サイ</t>
    </rPh>
    <phoneticPr fontId="2"/>
  </si>
  <si>
    <t>(65歳以上）</t>
    <rPh sb="3" eb="4">
      <t>サイ</t>
    </rPh>
    <rPh sb="4" eb="6">
      <t>イジョウ</t>
    </rPh>
    <phoneticPr fontId="2"/>
  </si>
  <si>
    <t>神　奈　川　県</t>
    <rPh sb="0" eb="7">
      <t>カナガワケン</t>
    </rPh>
    <phoneticPr fontId="2"/>
  </si>
  <si>
    <t>実　　数</t>
    <rPh sb="0" eb="1">
      <t>ジツ</t>
    </rPh>
    <rPh sb="3" eb="4">
      <t>スウ</t>
    </rPh>
    <phoneticPr fontId="2"/>
  </si>
  <si>
    <t>人</t>
    <rPh sb="0" eb="1">
      <t>ニン</t>
    </rPh>
    <phoneticPr fontId="2"/>
  </si>
  <si>
    <t>令和</t>
    <rPh sb="0" eb="2">
      <t>レイワ</t>
    </rPh>
    <phoneticPr fontId="2"/>
  </si>
  <si>
    <t>４年</t>
    <rPh sb="1" eb="2">
      <t>ネン</t>
    </rPh>
    <phoneticPr fontId="8"/>
  </si>
  <si>
    <t>３年</t>
    <rPh sb="1" eb="2">
      <t>ネン</t>
    </rPh>
    <phoneticPr fontId="8"/>
  </si>
  <si>
    <t>２年</t>
    <rPh sb="1" eb="2">
      <t>ネン</t>
    </rPh>
    <phoneticPr fontId="8"/>
  </si>
  <si>
    <t>平成</t>
    <phoneticPr fontId="2"/>
  </si>
  <si>
    <t>31年</t>
    <rPh sb="2" eb="3">
      <t>ネン</t>
    </rPh>
    <phoneticPr fontId="8"/>
  </si>
  <si>
    <t>30年</t>
    <rPh sb="2" eb="3">
      <t>ネン</t>
    </rPh>
    <phoneticPr fontId="8"/>
  </si>
  <si>
    <t>構　成　比</t>
    <rPh sb="0" eb="1">
      <t>コウセイヒ</t>
    </rPh>
    <rPh sb="2" eb="3">
      <t>セイ</t>
    </rPh>
    <rPh sb="4" eb="5">
      <t>ヒ</t>
    </rPh>
    <phoneticPr fontId="2"/>
  </si>
  <si>
    <t>％</t>
    <phoneticPr fontId="2"/>
  </si>
  <si>
    <t>％</t>
    <phoneticPr fontId="2"/>
  </si>
  <si>
    <t>-</t>
    <phoneticPr fontId="2"/>
  </si>
  <si>
    <t>-</t>
  </si>
  <si>
    <t>全　　　国</t>
    <rPh sb="0" eb="1">
      <t>ゼン</t>
    </rPh>
    <rPh sb="4" eb="5">
      <t>クニ</t>
    </rPh>
    <phoneticPr fontId="2"/>
  </si>
  <si>
    <t>　実　　数</t>
    <rPh sb="1" eb="5">
      <t>ジッスウ</t>
    </rPh>
    <phoneticPr fontId="2"/>
  </si>
  <si>
    <t>千人</t>
    <rPh sb="0" eb="1">
      <t>セン</t>
    </rPh>
    <rPh sb="1" eb="2">
      <t>ニン</t>
    </rPh>
    <phoneticPr fontId="2"/>
  </si>
  <si>
    <t>　構　成　比</t>
    <rPh sb="1" eb="2">
      <t>コウセイヒ</t>
    </rPh>
    <rPh sb="3" eb="4">
      <t>セイ</t>
    </rPh>
    <rPh sb="5" eb="6">
      <t>ヒ</t>
    </rPh>
    <phoneticPr fontId="2"/>
  </si>
  <si>
    <t>％</t>
    <phoneticPr fontId="2"/>
  </si>
  <si>
    <t>-</t>
    <phoneticPr fontId="2"/>
  </si>
  <si>
    <t>平成</t>
    <phoneticPr fontId="2"/>
  </si>
  <si>
    <t>　（注）　1　神奈川県の総数には年齢不詳を含むため、合計は一致しない。</t>
    <rPh sb="2" eb="3">
      <t>チュウ</t>
    </rPh>
    <rPh sb="7" eb="11">
      <t>カナガワケン</t>
    </rPh>
    <rPh sb="12" eb="14">
      <t>ソウスウ</t>
    </rPh>
    <rPh sb="16" eb="18">
      <t>ネンレイ</t>
    </rPh>
    <rPh sb="18" eb="20">
      <t>フショウ</t>
    </rPh>
    <rPh sb="21" eb="22">
      <t>フク</t>
    </rPh>
    <rPh sb="26" eb="28">
      <t>ゴウケイ</t>
    </rPh>
    <rPh sb="29" eb="31">
      <t>イッチ</t>
    </rPh>
    <phoneticPr fontId="2"/>
  </si>
  <si>
    <t>　　　　　2　神奈川県の構成比は年齢不詳を除いて算出している。</t>
    <rPh sb="7" eb="11">
      <t>カナガワケン</t>
    </rPh>
    <phoneticPr fontId="2"/>
  </si>
  <si>
    <t>　　　　　3　全国の数値は､｢人口推計｣（総務省統計局）の各年１月１日現在人口(確定値)を使用している。</t>
    <phoneticPr fontId="2"/>
  </si>
  <si>
    <t>　 (単位未満は四捨五入してあるため、総数と内訳の計が一致しない場合がある。）</t>
    <phoneticPr fontId="2"/>
  </si>
  <si>
    <t>【表２】年齢構造指数の推移〈神奈川県、全国〉</t>
    <rPh sb="1" eb="2">
      <t>ヒョウ</t>
    </rPh>
    <rPh sb="4" eb="6">
      <t>ネンレイ</t>
    </rPh>
    <rPh sb="6" eb="8">
      <t>コウゾウ</t>
    </rPh>
    <rPh sb="8" eb="10">
      <t>シスウ</t>
    </rPh>
    <rPh sb="11" eb="13">
      <t>スイイ</t>
    </rPh>
    <rPh sb="14" eb="18">
      <t>カナガワケン</t>
    </rPh>
    <rPh sb="19" eb="21">
      <t>ゼンコク</t>
    </rPh>
    <phoneticPr fontId="2"/>
  </si>
  <si>
    <t>調査時点（各年１月１日現在）</t>
    <rPh sb="0" eb="2">
      <t>チョウサ</t>
    </rPh>
    <rPh sb="2" eb="4">
      <t>ジテン</t>
    </rPh>
    <rPh sb="5" eb="7">
      <t>カクネン</t>
    </rPh>
    <rPh sb="8" eb="9">
      <t>ツキ</t>
    </rPh>
    <rPh sb="10" eb="11">
      <t>ヒ</t>
    </rPh>
    <rPh sb="11" eb="13">
      <t>ゲンザイ</t>
    </rPh>
    <phoneticPr fontId="2"/>
  </si>
  <si>
    <t>年少人口指数</t>
    <rPh sb="0" eb="2">
      <t>ネンショウ</t>
    </rPh>
    <rPh sb="2" eb="4">
      <t>ジンコウ</t>
    </rPh>
    <rPh sb="4" eb="6">
      <t>シスウ</t>
    </rPh>
    <phoneticPr fontId="2"/>
  </si>
  <si>
    <t>老年人口指数</t>
    <rPh sb="0" eb="2">
      <t>ロウネン</t>
    </rPh>
    <rPh sb="2" eb="4">
      <t>ジンコウ</t>
    </rPh>
    <rPh sb="4" eb="6">
      <t>シスウ</t>
    </rPh>
    <phoneticPr fontId="2"/>
  </si>
  <si>
    <t>従属人口指数</t>
    <rPh sb="0" eb="2">
      <t>ジュウゾク</t>
    </rPh>
    <rPh sb="2" eb="4">
      <t>ジンコウ</t>
    </rPh>
    <rPh sb="4" eb="6">
      <t>シスウ</t>
    </rPh>
    <phoneticPr fontId="2"/>
  </si>
  <si>
    <t>老年化指数</t>
    <rPh sb="0" eb="2">
      <t>ロウネン</t>
    </rPh>
    <rPh sb="2" eb="3">
      <t>カ</t>
    </rPh>
    <rPh sb="3" eb="5">
      <t>シスウ</t>
    </rPh>
    <phoneticPr fontId="2"/>
  </si>
  <si>
    <t>神奈川県</t>
    <rPh sb="0" eb="4">
      <t>カナガワケン</t>
    </rPh>
    <phoneticPr fontId="2"/>
  </si>
  <si>
    <t>全　国</t>
    <rPh sb="0" eb="3">
      <t>ゼンコク</t>
    </rPh>
    <phoneticPr fontId="2"/>
  </si>
  <si>
    <t>平成</t>
    <phoneticPr fontId="2"/>
  </si>
  <si>
    <t>【表３】年齢（10歳階級）別、男女別人口及び構成比＜神奈川県＞</t>
    <rPh sb="1" eb="2">
      <t>ヒョウ</t>
    </rPh>
    <rPh sb="4" eb="6">
      <t>ネンレイ</t>
    </rPh>
    <rPh sb="9" eb="10">
      <t>サイ</t>
    </rPh>
    <rPh sb="10" eb="12">
      <t>カイキュウ</t>
    </rPh>
    <rPh sb="13" eb="14">
      <t>ベツ</t>
    </rPh>
    <rPh sb="15" eb="17">
      <t>ダンジョ</t>
    </rPh>
    <rPh sb="17" eb="18">
      <t>ベツ</t>
    </rPh>
    <rPh sb="18" eb="20">
      <t>ジンコウ</t>
    </rPh>
    <rPh sb="20" eb="21">
      <t>オヨ</t>
    </rPh>
    <rPh sb="22" eb="25">
      <t>コウセイヒ</t>
    </rPh>
    <rPh sb="26" eb="30">
      <t>カナガワケン</t>
    </rPh>
    <phoneticPr fontId="2"/>
  </si>
  <si>
    <t>調</t>
    <rPh sb="0" eb="1">
      <t>チョウ</t>
    </rPh>
    <phoneticPr fontId="2"/>
  </si>
  <si>
    <t>総　　数</t>
    <rPh sb="0" eb="1">
      <t>フサ</t>
    </rPh>
    <rPh sb="3" eb="4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査</t>
    <rPh sb="0" eb="1">
      <t>サ</t>
    </rPh>
    <phoneticPr fontId="2"/>
  </si>
  <si>
    <t>年齢階級</t>
    <rPh sb="0" eb="2">
      <t>ネンレイ</t>
    </rPh>
    <rPh sb="2" eb="4">
      <t>カイキュウ</t>
    </rPh>
    <phoneticPr fontId="2"/>
  </si>
  <si>
    <t>年</t>
    <rPh sb="0" eb="1">
      <t>ネン</t>
    </rPh>
    <phoneticPr fontId="2"/>
  </si>
  <si>
    <t>実　　数</t>
    <rPh sb="0" eb="1">
      <t>ミ</t>
    </rPh>
    <rPh sb="3" eb="4">
      <t>カズ</t>
    </rPh>
    <phoneticPr fontId="2"/>
  </si>
  <si>
    <t>構成比</t>
    <rPh sb="0" eb="3">
      <t>コウセイヒ</t>
    </rPh>
    <phoneticPr fontId="2"/>
  </si>
  <si>
    <t>実　　数</t>
  </si>
  <si>
    <t>構成比</t>
  </si>
  <si>
    <t>総数</t>
    <rPh sb="0" eb="2">
      <t>ソウスウ</t>
    </rPh>
    <phoneticPr fontId="2"/>
  </si>
  <si>
    <t>％</t>
    <phoneticPr fontId="2"/>
  </si>
  <si>
    <t>％</t>
    <phoneticPr fontId="2"/>
  </si>
  <si>
    <t>－</t>
    <phoneticPr fontId="2"/>
  </si>
  <si>
    <t>－</t>
    <phoneticPr fontId="2"/>
  </si>
  <si>
    <t>－</t>
    <phoneticPr fontId="2"/>
  </si>
  <si>
    <t>令</t>
    <rPh sb="0" eb="1">
      <t>レイ</t>
    </rPh>
    <phoneticPr fontId="2"/>
  </si>
  <si>
    <t>和</t>
    <rPh sb="0" eb="1">
      <t>ワ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現</t>
    <rPh sb="0" eb="1">
      <t>ウツツ</t>
    </rPh>
    <phoneticPr fontId="2"/>
  </si>
  <si>
    <t>在</t>
    <rPh sb="0" eb="1">
      <t>ザイ</t>
    </rPh>
    <phoneticPr fontId="2"/>
  </si>
  <si>
    <t>100歳以上</t>
    <rPh sb="3" eb="6">
      <t>サイイジョウ</t>
    </rPh>
    <phoneticPr fontId="2"/>
  </si>
  <si>
    <t>－</t>
  </si>
  <si>
    <t>％</t>
  </si>
  <si>
    <t>　 　 10～19</t>
  </si>
  <si>
    <t xml:space="preserve"> 　　 20～29</t>
  </si>
  <si>
    <t>　　  30～39</t>
  </si>
  <si>
    <t>　　  40～49</t>
  </si>
  <si>
    <t xml:space="preserve"> 　　 50～59</t>
  </si>
  <si>
    <t>　    60～69</t>
  </si>
  <si>
    <t>　    70～79</t>
  </si>
  <si>
    <t>　    80～89</t>
  </si>
  <si>
    <t>　    90～99</t>
  </si>
  <si>
    <t>平</t>
    <rPh sb="0" eb="1">
      <t>ヘイ</t>
    </rPh>
    <phoneticPr fontId="2"/>
  </si>
  <si>
    <t>成</t>
    <rPh sb="0" eb="1">
      <t>セイ</t>
    </rPh>
    <phoneticPr fontId="2"/>
  </si>
  <si>
    <t>　（注）　1　総数には年齢不詳を含むため、合計は一致しない。</t>
    <rPh sb="2" eb="3">
      <t>チュウ</t>
    </rPh>
    <rPh sb="7" eb="9">
      <t>ソウスウ</t>
    </rPh>
    <rPh sb="11" eb="13">
      <t>ネンレイ</t>
    </rPh>
    <rPh sb="13" eb="15">
      <t>フショウ</t>
    </rPh>
    <rPh sb="16" eb="17">
      <t>フク</t>
    </rPh>
    <rPh sb="21" eb="23">
      <t>ゴウケイ</t>
    </rPh>
    <rPh sb="24" eb="26">
      <t>イッチ</t>
    </rPh>
    <phoneticPr fontId="2"/>
  </si>
  <si>
    <t>　　　　　2　構成比は年齢不詳を除いて算出している。</t>
    <phoneticPr fontId="2"/>
  </si>
  <si>
    <t>【表４】年齢（５歳階級、３区分）別、男女別人口〈神奈川県〉及び性比〈神奈川県、全国〉</t>
    <rPh sb="1" eb="2">
      <t>ヒョウ</t>
    </rPh>
    <rPh sb="4" eb="6">
      <t>ネンレイ</t>
    </rPh>
    <rPh sb="8" eb="9">
      <t>サイ</t>
    </rPh>
    <rPh sb="9" eb="11">
      <t>カイキュウ</t>
    </rPh>
    <rPh sb="13" eb="15">
      <t>クブン</t>
    </rPh>
    <rPh sb="16" eb="17">
      <t>ベツ</t>
    </rPh>
    <rPh sb="18" eb="20">
      <t>ダンジョ</t>
    </rPh>
    <rPh sb="20" eb="21">
      <t>ベツ</t>
    </rPh>
    <rPh sb="21" eb="23">
      <t>ジンコウ</t>
    </rPh>
    <rPh sb="24" eb="28">
      <t>カナガワケン</t>
    </rPh>
    <rPh sb="29" eb="30">
      <t>オヨ</t>
    </rPh>
    <rPh sb="31" eb="32">
      <t>セイ</t>
    </rPh>
    <rPh sb="32" eb="33">
      <t>ヒ</t>
    </rPh>
    <rPh sb="34" eb="38">
      <t>カナガワケン</t>
    </rPh>
    <rPh sb="39" eb="41">
      <t>ゼンコク</t>
    </rPh>
    <phoneticPr fontId="13"/>
  </si>
  <si>
    <t>年齢階級</t>
    <rPh sb="0" eb="2">
      <t>ネンレイ</t>
    </rPh>
    <rPh sb="2" eb="4">
      <t>カイキュウ</t>
    </rPh>
    <phoneticPr fontId="13"/>
  </si>
  <si>
    <t>神奈川県</t>
    <rPh sb="0" eb="4">
      <t>カナガワケン</t>
    </rPh>
    <phoneticPr fontId="13"/>
  </si>
  <si>
    <t>全国</t>
    <rPh sb="0" eb="2">
      <t>ゼンコク</t>
    </rPh>
    <phoneticPr fontId="13"/>
  </si>
  <si>
    <t>令和４年１月１日現在</t>
    <rPh sb="0" eb="2">
      <t>レイワ</t>
    </rPh>
    <rPh sb="3" eb="4">
      <t>ネン</t>
    </rPh>
    <rPh sb="5" eb="6">
      <t>ツキ</t>
    </rPh>
    <rPh sb="7" eb="8">
      <t>ヒ</t>
    </rPh>
    <rPh sb="8" eb="10">
      <t>ゲンザイ</t>
    </rPh>
    <phoneticPr fontId="13"/>
  </si>
  <si>
    <t>令和３.１.１　　     現在</t>
    <rPh sb="0" eb="2">
      <t>レイワ</t>
    </rPh>
    <rPh sb="14" eb="16">
      <t>ゲンザイ</t>
    </rPh>
    <phoneticPr fontId="13"/>
  </si>
  <si>
    <t>令和２.１.１　　     現在</t>
    <rPh sb="0" eb="2">
      <t>レイワ</t>
    </rPh>
    <rPh sb="14" eb="16">
      <t>ゲンザイ</t>
    </rPh>
    <phoneticPr fontId="13"/>
  </si>
  <si>
    <t>令和４.１.１
現在</t>
    <rPh sb="0" eb="2">
      <t>レイワ</t>
    </rPh>
    <rPh sb="8" eb="10">
      <t>ゲンザイ</t>
    </rPh>
    <phoneticPr fontId="13"/>
  </si>
  <si>
    <t>総　数</t>
    <rPh sb="0" eb="3">
      <t>ソウスウ</t>
    </rPh>
    <phoneticPr fontId="13"/>
  </si>
  <si>
    <t>男　（Ａ）</t>
    <rPh sb="0" eb="1">
      <t>オトコ</t>
    </rPh>
    <phoneticPr fontId="13"/>
  </si>
  <si>
    <t>女　（Ｂ）</t>
    <phoneticPr fontId="13"/>
  </si>
  <si>
    <t>性　比　　      　(A/B×100）</t>
    <rPh sb="0" eb="1">
      <t>セイ</t>
    </rPh>
    <rPh sb="2" eb="3">
      <t>ヒ</t>
    </rPh>
    <phoneticPr fontId="13"/>
  </si>
  <si>
    <t>性　比</t>
    <rPh sb="0" eb="1">
      <t>セイ</t>
    </rPh>
    <rPh sb="2" eb="3">
      <t>ヒ</t>
    </rPh>
    <phoneticPr fontId="13"/>
  </si>
  <si>
    <t>男</t>
    <rPh sb="0" eb="1">
      <t>オトコ</t>
    </rPh>
    <phoneticPr fontId="13"/>
  </si>
  <si>
    <t>女</t>
    <rPh sb="0" eb="1">
      <t>オンナ</t>
    </rPh>
    <phoneticPr fontId="13"/>
  </si>
  <si>
    <t>人</t>
    <rPh sb="0" eb="1">
      <t>ニン</t>
    </rPh>
    <phoneticPr fontId="13"/>
  </si>
  <si>
    <t>総　　数</t>
    <phoneticPr fontId="13"/>
  </si>
  <si>
    <t>0～4</t>
    <phoneticPr fontId="13"/>
  </si>
  <si>
    <t>歳</t>
    <rPh sb="0" eb="1">
      <t>サイ</t>
    </rPh>
    <phoneticPr fontId="13"/>
  </si>
  <si>
    <t>5～9</t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歳以上</t>
    <rPh sb="3" eb="4">
      <t>サイ</t>
    </rPh>
    <rPh sb="4" eb="6">
      <t>イジョウ</t>
    </rPh>
    <phoneticPr fontId="13"/>
  </si>
  <si>
    <t>0～14</t>
    <phoneticPr fontId="13"/>
  </si>
  <si>
    <t>15～64</t>
    <phoneticPr fontId="13"/>
  </si>
  <si>
    <t>65歳以上</t>
    <rPh sb="3" eb="5">
      <t>イジョウ</t>
    </rPh>
    <phoneticPr fontId="13"/>
  </si>
  <si>
    <t>　（注）　神奈川県の総数には年齢不詳を含むため、合計は一致しない。</t>
    <rPh sb="2" eb="3">
      <t>チュウ</t>
    </rPh>
    <rPh sb="5" eb="9">
      <t>カナガワケン</t>
    </rPh>
    <rPh sb="10" eb="12">
      <t>ソウスウ</t>
    </rPh>
    <rPh sb="14" eb="16">
      <t>ネンレイ</t>
    </rPh>
    <rPh sb="16" eb="18">
      <t>フショウ</t>
    </rPh>
    <rPh sb="19" eb="20">
      <t>フク</t>
    </rPh>
    <rPh sb="24" eb="26">
      <t>ゴウケイ</t>
    </rPh>
    <rPh sb="27" eb="29">
      <t>イッチ</t>
    </rPh>
    <phoneticPr fontId="2"/>
  </si>
  <si>
    <t>【表５】男女別平均年齢の推移及び前年調査との比較増減〈神奈川県〉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2" eb="14">
      <t>スイイ</t>
    </rPh>
    <rPh sb="14" eb="15">
      <t>オヨ</t>
    </rPh>
    <rPh sb="16" eb="18">
      <t>ゼンネン</t>
    </rPh>
    <rPh sb="18" eb="20">
      <t>チョウサ</t>
    </rPh>
    <rPh sb="22" eb="24">
      <t>ヒカク</t>
    </rPh>
    <rPh sb="24" eb="26">
      <t>ゾウゲン</t>
    </rPh>
    <rPh sb="27" eb="31">
      <t>カナガワケン</t>
    </rPh>
    <phoneticPr fontId="13"/>
  </si>
  <si>
    <t>調査時点</t>
    <rPh sb="0" eb="2">
      <t>チョウサ</t>
    </rPh>
    <rPh sb="2" eb="4">
      <t>ジテン</t>
    </rPh>
    <phoneticPr fontId="13"/>
  </si>
  <si>
    <t>男女計</t>
    <rPh sb="0" eb="2">
      <t>ダンジョ</t>
    </rPh>
    <rPh sb="2" eb="3">
      <t>ケイ</t>
    </rPh>
    <phoneticPr fontId="13"/>
  </si>
  <si>
    <t>男女差</t>
    <rPh sb="0" eb="3">
      <t>ダンジョサ</t>
    </rPh>
    <phoneticPr fontId="13"/>
  </si>
  <si>
    <t>対前年比較</t>
    <rPh sb="0" eb="1">
      <t>タイ</t>
    </rPh>
    <rPh sb="1" eb="3">
      <t>ゼンネン</t>
    </rPh>
    <rPh sb="3" eb="5">
      <t>ヒカク</t>
    </rPh>
    <phoneticPr fontId="13"/>
  </si>
  <si>
    <t>（各年１月１日現在）</t>
    <rPh sb="1" eb="3">
      <t>カクネン</t>
    </rPh>
    <rPh sb="4" eb="5">
      <t>ツキ</t>
    </rPh>
    <rPh sb="6" eb="7">
      <t>ヒ</t>
    </rPh>
    <rPh sb="7" eb="9">
      <t>ゲンザイ</t>
    </rPh>
    <phoneticPr fontId="13"/>
  </si>
  <si>
    <t>（Ａ）</t>
    <phoneticPr fontId="13"/>
  </si>
  <si>
    <t>（Ｂ）</t>
    <phoneticPr fontId="13"/>
  </si>
  <si>
    <t>（Ｂ-Ａ）</t>
    <phoneticPr fontId="13"/>
  </si>
  <si>
    <t>令和４</t>
    <rPh sb="0" eb="2">
      <t>レイワ</t>
    </rPh>
    <phoneticPr fontId="13"/>
  </si>
  <si>
    <t>年</t>
    <rPh sb="0" eb="1">
      <t>ネン</t>
    </rPh>
    <phoneticPr fontId="13"/>
  </si>
  <si>
    <t xml:space="preserve"> </t>
    <phoneticPr fontId="13"/>
  </si>
  <si>
    <t>平成31</t>
    <rPh sb="0" eb="2">
      <t>ヘイセイ</t>
    </rPh>
    <phoneticPr fontId="13"/>
  </si>
  <si>
    <t>年</t>
  </si>
  <si>
    <t>【表６】年齢（３区分）別人口及び構成比&lt;神奈川県、地域&gt;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9">
      <t>コウセイヒ</t>
    </rPh>
    <rPh sb="20" eb="24">
      <t>カナガワケン</t>
    </rPh>
    <rPh sb="25" eb="27">
      <t>チイキ</t>
    </rPh>
    <phoneticPr fontId="2"/>
  </si>
  <si>
    <t>実   数</t>
    <rPh sb="0" eb="1">
      <t>ミ</t>
    </rPh>
    <rPh sb="4" eb="5">
      <t>カズ</t>
    </rPh>
    <phoneticPr fontId="2"/>
  </si>
  <si>
    <t>地域名</t>
    <rPh sb="0" eb="3">
      <t>チイキメイ</t>
    </rPh>
    <phoneticPr fontId="2"/>
  </si>
  <si>
    <t>年少
人口</t>
    <rPh sb="0" eb="2">
      <t>ネンショウ</t>
    </rPh>
    <rPh sb="3" eb="5">
      <t>ジンコウ</t>
    </rPh>
    <phoneticPr fontId="2"/>
  </si>
  <si>
    <t>生産年齢
人口</t>
    <rPh sb="0" eb="2">
      <t>セイサン</t>
    </rPh>
    <rPh sb="2" eb="4">
      <t>ネンレイ</t>
    </rPh>
    <rPh sb="5" eb="7">
      <t>ジンコウ</t>
    </rPh>
    <phoneticPr fontId="2"/>
  </si>
  <si>
    <t>老年
人口</t>
    <rPh sb="0" eb="2">
      <t>ロウネン</t>
    </rPh>
    <rPh sb="3" eb="5">
      <t>ジンコウ</t>
    </rPh>
    <phoneticPr fontId="2"/>
  </si>
  <si>
    <t>(15～64歳)</t>
    <rPh sb="6" eb="7">
      <t>サイ</t>
    </rPh>
    <phoneticPr fontId="2"/>
  </si>
  <si>
    <t>(65歳以上)</t>
    <rPh sb="3" eb="6">
      <t>サイイジョウ</t>
    </rPh>
    <phoneticPr fontId="2"/>
  </si>
  <si>
    <t>(A)</t>
    <phoneticPr fontId="2"/>
  </si>
  <si>
    <t>令
和
4
年
1
月
1
日
現
在</t>
    <rPh sb="0" eb="1">
      <t>レイ</t>
    </rPh>
    <rPh sb="2" eb="3">
      <t>カズ</t>
    </rPh>
    <rPh sb="6" eb="7">
      <t>ネン</t>
    </rPh>
    <rPh sb="10" eb="11">
      <t>ガツ</t>
    </rPh>
    <rPh sb="14" eb="15">
      <t>ニチ</t>
    </rPh>
    <rPh sb="16" eb="17">
      <t>ゲン</t>
    </rPh>
    <rPh sb="18" eb="19">
      <t>ザイ</t>
    </rPh>
    <phoneticPr fontId="2"/>
  </si>
  <si>
    <t>県計</t>
    <rPh sb="0" eb="1">
      <t>ケン</t>
    </rPh>
    <rPh sb="1" eb="2">
      <t>ケイ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3">
      <t>ヨコスカ</t>
    </rPh>
    <rPh sb="3" eb="5">
      <t>ミウラ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県西</t>
    <rPh sb="0" eb="2">
      <t>ケンセイ</t>
    </rPh>
    <phoneticPr fontId="2"/>
  </si>
  <si>
    <t>(B)</t>
    <phoneticPr fontId="2"/>
  </si>
  <si>
    <t>令
和
3
年
1
月
1
日
現
在</t>
    <phoneticPr fontId="2"/>
  </si>
  <si>
    <t>令和4～令和3年増減</t>
    <rPh sb="0" eb="1">
      <t>レイ</t>
    </rPh>
    <rPh sb="1" eb="2">
      <t>カズ</t>
    </rPh>
    <rPh sb="4" eb="5">
      <t>レイ</t>
    </rPh>
    <rPh sb="5" eb="6">
      <t>カズ</t>
    </rPh>
    <rPh sb="7" eb="8">
      <t>ネン</t>
    </rPh>
    <rPh sb="8" eb="9">
      <t>ゾウ</t>
    </rPh>
    <rPh sb="9" eb="10">
      <t>ゲン</t>
    </rPh>
    <phoneticPr fontId="2"/>
  </si>
  <si>
    <t>(A-B)</t>
    <phoneticPr fontId="2"/>
  </si>
  <si>
    <t>ポイント</t>
  </si>
  <si>
    <t>　　　　　2　構成比は年齢不詳を除いて算出している。</t>
    <rPh sb="7" eb="10">
      <t>コウセイヒ</t>
    </rPh>
    <phoneticPr fontId="2"/>
  </si>
  <si>
    <t>　　　　　3　構成比の差（ポイント）は小数点第２位以下の数値で算出しているため、表上の数値と一致しない場合がある。</t>
    <rPh sb="7" eb="10">
      <t>コウセイヒ</t>
    </rPh>
    <rPh sb="11" eb="12">
      <t>サ</t>
    </rPh>
    <rPh sb="51" eb="53">
      <t>バアイ</t>
    </rPh>
    <phoneticPr fontId="2"/>
  </si>
  <si>
    <t>【表７】男女別平均年齢及び前年調査との比較増減&lt;神奈川県、地域&gt;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1" eb="12">
      <t>オヨ</t>
    </rPh>
    <rPh sb="13" eb="15">
      <t>ゼンネン</t>
    </rPh>
    <rPh sb="15" eb="17">
      <t>チョウサ</t>
    </rPh>
    <rPh sb="19" eb="21">
      <t>ヒカク</t>
    </rPh>
    <rPh sb="21" eb="23">
      <t>ゾウゲン</t>
    </rPh>
    <rPh sb="24" eb="28">
      <t>カナガワケン</t>
    </rPh>
    <rPh sb="29" eb="31">
      <t>チイキ</t>
    </rPh>
    <phoneticPr fontId="2"/>
  </si>
  <si>
    <t>令 和 ４ 年 1 月 1 日 現 在 (A)</t>
    <rPh sb="0" eb="1">
      <t>レイ</t>
    </rPh>
    <rPh sb="2" eb="3">
      <t>ワ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2"/>
  </si>
  <si>
    <t>令 和 ３ 年 1 月 1 日 現 在 (B)</t>
    <rPh sb="0" eb="1">
      <t>レイ</t>
    </rPh>
    <rPh sb="2" eb="3">
      <t>ワ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2"/>
  </si>
  <si>
    <t>増 減 ( A - B )</t>
    <rPh sb="0" eb="1">
      <t>ゾウ</t>
    </rPh>
    <rPh sb="2" eb="3">
      <t>ゲン</t>
    </rPh>
    <phoneticPr fontId="2"/>
  </si>
  <si>
    <t>男女計</t>
    <rPh sb="0" eb="2">
      <t>ダンジョ</t>
    </rPh>
    <rPh sb="2" eb="3">
      <t>ケイ</t>
    </rPh>
    <phoneticPr fontId="2"/>
  </si>
  <si>
    <t>男女差</t>
    <rPh sb="0" eb="3">
      <t>ダンジョサ</t>
    </rPh>
    <phoneticPr fontId="2"/>
  </si>
  <si>
    <t>a</t>
    <phoneticPr fontId="2"/>
  </si>
  <si>
    <t>b</t>
    <phoneticPr fontId="2"/>
  </si>
  <si>
    <t>b-a</t>
    <phoneticPr fontId="2"/>
  </si>
  <si>
    <t>a</t>
  </si>
  <si>
    <t>b</t>
  </si>
  <si>
    <t>b-a</t>
  </si>
  <si>
    <t>歳</t>
    <rPh sb="0" eb="1">
      <t>サイ</t>
    </rPh>
    <phoneticPr fontId="2"/>
  </si>
  <si>
    <t>歳</t>
  </si>
  <si>
    <t>【表８】　年齢（５歳階級、３区分）別人口〈神奈川県、地域〉</t>
    <rPh sb="26" eb="28">
      <t>チイキ</t>
    </rPh>
    <phoneticPr fontId="16"/>
  </si>
  <si>
    <t>　年齢階級</t>
    <rPh sb="1" eb="3">
      <t>ネンレイ</t>
    </rPh>
    <rPh sb="3" eb="5">
      <t>カイキュウ</t>
    </rPh>
    <phoneticPr fontId="16"/>
  </si>
  <si>
    <t>県  計</t>
    <rPh sb="0" eb="1">
      <t>ケンケイ</t>
    </rPh>
    <rPh sb="3" eb="4">
      <t>ケイ</t>
    </rPh>
    <phoneticPr fontId="16"/>
  </si>
  <si>
    <t>横  浜</t>
    <rPh sb="0" eb="1">
      <t>ヨコ</t>
    </rPh>
    <rPh sb="3" eb="4">
      <t>ハマ</t>
    </rPh>
    <phoneticPr fontId="16"/>
  </si>
  <si>
    <t>川  崎</t>
    <rPh sb="0" eb="1">
      <t>カワ</t>
    </rPh>
    <rPh sb="3" eb="4">
      <t>ザキ</t>
    </rPh>
    <phoneticPr fontId="16"/>
  </si>
  <si>
    <t>横須賀三浦</t>
    <rPh sb="0" eb="3">
      <t>ヨコスカ</t>
    </rPh>
    <rPh sb="3" eb="5">
      <t>ミウラ</t>
    </rPh>
    <phoneticPr fontId="16"/>
  </si>
  <si>
    <t>県  央</t>
    <rPh sb="0" eb="1">
      <t>ケン</t>
    </rPh>
    <rPh sb="3" eb="4">
      <t>オウ</t>
    </rPh>
    <phoneticPr fontId="16"/>
  </si>
  <si>
    <t>湘  南</t>
    <rPh sb="0" eb="1">
      <t>ショウナン</t>
    </rPh>
    <rPh sb="3" eb="4">
      <t>ナン</t>
    </rPh>
    <phoneticPr fontId="16"/>
  </si>
  <si>
    <t>県  西</t>
    <rPh sb="0" eb="1">
      <t>ケン</t>
    </rPh>
    <rPh sb="3" eb="4">
      <t>ニシ</t>
    </rPh>
    <phoneticPr fontId="16"/>
  </si>
  <si>
    <t>人</t>
  </si>
  <si>
    <t>人</t>
    <rPh sb="0" eb="1">
      <t>ニン</t>
    </rPh>
    <phoneticPr fontId="16"/>
  </si>
  <si>
    <t>総　　数</t>
  </si>
  <si>
    <t xml:space="preserve">   　0～4歳</t>
    <phoneticPr fontId="16"/>
  </si>
  <si>
    <t xml:space="preserve">   5～9</t>
    <phoneticPr fontId="16"/>
  </si>
  <si>
    <t xml:space="preserve">  10～14</t>
    <phoneticPr fontId="16"/>
  </si>
  <si>
    <t xml:space="preserve">  15～19</t>
    <phoneticPr fontId="16"/>
  </si>
  <si>
    <t>令</t>
    <rPh sb="0" eb="1">
      <t>レイ</t>
    </rPh>
    <phoneticPr fontId="18"/>
  </si>
  <si>
    <t xml:space="preserve">  20～24</t>
    <phoneticPr fontId="16"/>
  </si>
  <si>
    <t>和</t>
    <rPh sb="0" eb="1">
      <t>ワ</t>
    </rPh>
    <phoneticPr fontId="18"/>
  </si>
  <si>
    <t xml:space="preserve">  25～29</t>
    <phoneticPr fontId="16"/>
  </si>
  <si>
    <t xml:space="preserve">  30～34</t>
    <phoneticPr fontId="16"/>
  </si>
  <si>
    <t>年</t>
    <rPh sb="0" eb="1">
      <t>ネン</t>
    </rPh>
    <phoneticPr fontId="16"/>
  </si>
  <si>
    <t xml:space="preserve">  35～39</t>
    <phoneticPr fontId="16"/>
  </si>
  <si>
    <t xml:space="preserve">  40～44</t>
    <phoneticPr fontId="16"/>
  </si>
  <si>
    <t>月</t>
    <rPh sb="0" eb="1">
      <t>ガツ</t>
    </rPh>
    <phoneticPr fontId="16"/>
  </si>
  <si>
    <t xml:space="preserve">  45～49</t>
    <phoneticPr fontId="16"/>
  </si>
  <si>
    <t xml:space="preserve">  50～54</t>
    <phoneticPr fontId="16"/>
  </si>
  <si>
    <t>日</t>
    <rPh sb="0" eb="1">
      <t>ヒ</t>
    </rPh>
    <phoneticPr fontId="16"/>
  </si>
  <si>
    <t xml:space="preserve">  55～59</t>
    <phoneticPr fontId="16"/>
  </si>
  <si>
    <t>現</t>
    <rPh sb="0" eb="1">
      <t>ゲン</t>
    </rPh>
    <phoneticPr fontId="16"/>
  </si>
  <si>
    <t xml:space="preserve">  60～64</t>
    <phoneticPr fontId="16"/>
  </si>
  <si>
    <t>在</t>
    <rPh sb="0" eb="1">
      <t>ザイ</t>
    </rPh>
    <phoneticPr fontId="16"/>
  </si>
  <si>
    <t xml:space="preserve">  65～69</t>
    <phoneticPr fontId="16"/>
  </si>
  <si>
    <t xml:space="preserve">  70～74</t>
    <phoneticPr fontId="16"/>
  </si>
  <si>
    <t xml:space="preserve">  75～79</t>
    <phoneticPr fontId="16"/>
  </si>
  <si>
    <t xml:space="preserve">  80～84</t>
    <phoneticPr fontId="16"/>
  </si>
  <si>
    <t xml:space="preserve">  85～89</t>
    <phoneticPr fontId="16"/>
  </si>
  <si>
    <t xml:space="preserve">  90～94</t>
    <phoneticPr fontId="16"/>
  </si>
  <si>
    <t xml:space="preserve">  95～99</t>
    <phoneticPr fontId="16"/>
  </si>
  <si>
    <t>100歳以上</t>
    <phoneticPr fontId="16"/>
  </si>
  <si>
    <t xml:space="preserve">  0～14歳</t>
    <phoneticPr fontId="16"/>
  </si>
  <si>
    <t xml:space="preserve"> 15～64歳</t>
    <phoneticPr fontId="16"/>
  </si>
  <si>
    <t xml:space="preserve"> 65歳以上</t>
    <phoneticPr fontId="16"/>
  </si>
  <si>
    <t>人</t>
    <rPh sb="0" eb="1">
      <t>ニン</t>
    </rPh>
    <phoneticPr fontId="18"/>
  </si>
  <si>
    <t xml:space="preserve">   　0～4歳</t>
    <phoneticPr fontId="18"/>
  </si>
  <si>
    <t xml:space="preserve">   5～9</t>
    <phoneticPr fontId="18"/>
  </si>
  <si>
    <t xml:space="preserve">  10～14</t>
  </si>
  <si>
    <t xml:space="preserve">  15～19</t>
  </si>
  <si>
    <t>令</t>
    <rPh sb="0" eb="1">
      <t>レイ</t>
    </rPh>
    <phoneticPr fontId="16"/>
  </si>
  <si>
    <t xml:space="preserve">  20～24</t>
  </si>
  <si>
    <t>和</t>
    <rPh sb="0" eb="1">
      <t>ワ</t>
    </rPh>
    <phoneticPr fontId="16"/>
  </si>
  <si>
    <t xml:space="preserve">  25～29</t>
  </si>
  <si>
    <t xml:space="preserve">  30～34</t>
  </si>
  <si>
    <t xml:space="preserve">  35～39</t>
  </si>
  <si>
    <t xml:space="preserve">  40～44</t>
  </si>
  <si>
    <t xml:space="preserve">  45～49</t>
  </si>
  <si>
    <t xml:space="preserve">  50～54</t>
  </si>
  <si>
    <t xml:space="preserve">  55～59</t>
  </si>
  <si>
    <t xml:space="preserve">  60～64</t>
  </si>
  <si>
    <t xml:space="preserve">  65～69</t>
  </si>
  <si>
    <t xml:space="preserve">  70～74</t>
  </si>
  <si>
    <t xml:space="preserve">  75～79</t>
  </si>
  <si>
    <t xml:space="preserve">  80～84</t>
  </si>
  <si>
    <t xml:space="preserve">  85～89</t>
  </si>
  <si>
    <t xml:space="preserve">  90～94</t>
  </si>
  <si>
    <t xml:space="preserve">  95～99</t>
  </si>
  <si>
    <t>100歳以上</t>
  </si>
  <si>
    <t xml:space="preserve">  0～14歳</t>
  </si>
  <si>
    <t xml:space="preserve"> 15～64歳</t>
  </si>
  <si>
    <t xml:space="preserve"> 65歳以上</t>
  </si>
  <si>
    <t>　（注）　総数には年齢不詳を含むため、合計は一致しない。</t>
    <rPh sb="2" eb="3">
      <t>チュウ</t>
    </rPh>
    <rPh sb="5" eb="7">
      <t>ソウスウ</t>
    </rPh>
    <rPh sb="9" eb="11">
      <t>ネンレイ</t>
    </rPh>
    <rPh sb="11" eb="13">
      <t>フショウ</t>
    </rPh>
    <rPh sb="14" eb="15">
      <t>フク</t>
    </rPh>
    <rPh sb="19" eb="21">
      <t>ゴウケイ</t>
    </rPh>
    <rPh sb="22" eb="24">
      <t>イッチ</t>
    </rPh>
    <phoneticPr fontId="2"/>
  </si>
  <si>
    <t>【表９】　年齢（10歳階級）別人口〈神奈川県、地域〉</t>
    <rPh sb="23" eb="25">
      <t>チイキ</t>
    </rPh>
    <phoneticPr fontId="16"/>
  </si>
  <si>
    <t>年齢階級</t>
    <rPh sb="0" eb="2">
      <t>ネンレイ</t>
    </rPh>
    <rPh sb="2" eb="4">
      <t>カイキュウ</t>
    </rPh>
    <phoneticPr fontId="16"/>
  </si>
  <si>
    <t xml:space="preserve"> 湘  南</t>
    <rPh sb="1" eb="2">
      <t>ショウナン</t>
    </rPh>
    <rPh sb="4" eb="5">
      <t>ナン</t>
    </rPh>
    <phoneticPr fontId="16"/>
  </si>
  <si>
    <t xml:space="preserve">   　0～9歳</t>
    <phoneticPr fontId="16"/>
  </si>
  <si>
    <t xml:space="preserve">  10～19</t>
    <phoneticPr fontId="16"/>
  </si>
  <si>
    <t xml:space="preserve">  20～29</t>
    <phoneticPr fontId="16"/>
  </si>
  <si>
    <t xml:space="preserve">  30～39</t>
    <phoneticPr fontId="16"/>
  </si>
  <si>
    <t xml:space="preserve">  40～49</t>
    <phoneticPr fontId="16"/>
  </si>
  <si>
    <t xml:space="preserve">  50～59</t>
    <phoneticPr fontId="16"/>
  </si>
  <si>
    <t xml:space="preserve">  60～69</t>
    <phoneticPr fontId="16"/>
  </si>
  <si>
    <t xml:space="preserve">  70～79</t>
    <phoneticPr fontId="16"/>
  </si>
  <si>
    <t xml:space="preserve">  80～89</t>
    <phoneticPr fontId="16"/>
  </si>
  <si>
    <t xml:space="preserve">  90～99</t>
    <phoneticPr fontId="16"/>
  </si>
  <si>
    <t>100歳以上</t>
    <phoneticPr fontId="16"/>
  </si>
  <si>
    <t xml:space="preserve">   　0～9歳</t>
    <phoneticPr fontId="18"/>
  </si>
  <si>
    <t xml:space="preserve">  10～19</t>
  </si>
  <si>
    <t xml:space="preserve">  20～29</t>
  </si>
  <si>
    <t xml:space="preserve">  30～39</t>
  </si>
  <si>
    <t xml:space="preserve">  40～49</t>
  </si>
  <si>
    <t xml:space="preserve">  50～59</t>
  </si>
  <si>
    <t xml:space="preserve">  60～69</t>
  </si>
  <si>
    <t xml:space="preserve">  70～79</t>
  </si>
  <si>
    <t xml:space="preserve">  80～89</t>
  </si>
  <si>
    <t xml:space="preserve">  90～99</t>
  </si>
  <si>
    <t>【表10】年齢（３区分）別人口構成比、平均年齢及び老年化指数の市区町村状況</t>
    <rPh sb="1" eb="2">
      <t>ヒョウ</t>
    </rPh>
    <rPh sb="5" eb="7">
      <t>ネンレイ</t>
    </rPh>
    <rPh sb="9" eb="11">
      <t>クブン</t>
    </rPh>
    <rPh sb="12" eb="13">
      <t>ベツ</t>
    </rPh>
    <rPh sb="13" eb="15">
      <t>ジンコウ</t>
    </rPh>
    <rPh sb="15" eb="18">
      <t>コウセイヒ</t>
    </rPh>
    <rPh sb="19" eb="21">
      <t>ヘイキン</t>
    </rPh>
    <rPh sb="21" eb="23">
      <t>ネンレイ</t>
    </rPh>
    <rPh sb="23" eb="24">
      <t>オヨ</t>
    </rPh>
    <rPh sb="25" eb="27">
      <t>ロウネン</t>
    </rPh>
    <rPh sb="27" eb="28">
      <t>カ</t>
    </rPh>
    <rPh sb="28" eb="30">
      <t>シスウ</t>
    </rPh>
    <rPh sb="31" eb="33">
      <t>シク</t>
    </rPh>
    <rPh sb="33" eb="35">
      <t>チョウソン</t>
    </rPh>
    <rPh sb="35" eb="37">
      <t>ジョウキョウ</t>
    </rPh>
    <phoneticPr fontId="2"/>
  </si>
  <si>
    <t xml:space="preserve">　　　　　　（令和４年１月１日現在） </t>
    <rPh sb="7" eb="9">
      <t>レイワ</t>
    </rPh>
    <rPh sb="10" eb="11">
      <t>ネン</t>
    </rPh>
    <rPh sb="12" eb="13">
      <t>ツキ</t>
    </rPh>
    <rPh sb="14" eb="15">
      <t>ヒ</t>
    </rPh>
    <rPh sb="15" eb="17">
      <t>ゲンザイ</t>
    </rPh>
    <phoneticPr fontId="2"/>
  </si>
  <si>
    <r>
      <t>（１）年少人口（０～14歳）の構成比　　［神奈川県  11.8％　</t>
    </r>
    <r>
      <rPr>
        <b/>
        <sz val="11"/>
        <rFont val="ＭＳ Ｐ明朝"/>
        <family val="1"/>
        <charset val="128"/>
      </rPr>
      <t>全国　11.7％］</t>
    </r>
    <rPh sb="3" eb="5">
      <t>ネンショウ</t>
    </rPh>
    <rPh sb="5" eb="7">
      <t>ジンコウ</t>
    </rPh>
    <rPh sb="12" eb="13">
      <t>サイ</t>
    </rPh>
    <rPh sb="15" eb="18">
      <t>コウセイヒ</t>
    </rPh>
    <rPh sb="21" eb="25">
      <t>カナガワケン</t>
    </rPh>
    <rPh sb="33" eb="35">
      <t>ゼンコク</t>
    </rPh>
    <phoneticPr fontId="2"/>
  </si>
  <si>
    <t>＊高い順</t>
    <rPh sb="1" eb="2">
      <t>タカ</t>
    </rPh>
    <rPh sb="3" eb="4">
      <t>ジュン</t>
    </rPh>
    <phoneticPr fontId="2"/>
  </si>
  <si>
    <t>＊低い順</t>
    <rPh sb="1" eb="2">
      <t>ヒク</t>
    </rPh>
    <rPh sb="3" eb="4">
      <t>ジュン</t>
    </rPh>
    <phoneticPr fontId="2"/>
  </si>
  <si>
    <t>順　位</t>
    <rPh sb="0" eb="3">
      <t>ジュンイ</t>
    </rPh>
    <phoneticPr fontId="2"/>
  </si>
  <si>
    <t>市区町村名</t>
    <rPh sb="0" eb="2">
      <t>シク</t>
    </rPh>
    <rPh sb="2" eb="4">
      <t>チョウソン</t>
    </rPh>
    <rPh sb="4" eb="5">
      <t>メイ</t>
    </rPh>
    <phoneticPr fontId="2"/>
  </si>
  <si>
    <t>比率％</t>
    <rPh sb="0" eb="2">
      <t>ヒリツ</t>
    </rPh>
    <phoneticPr fontId="2"/>
  </si>
  <si>
    <t>前年順位</t>
    <rPh sb="0" eb="2">
      <t>ゼンネン</t>
    </rPh>
    <rPh sb="2" eb="4">
      <t>ジュンイ</t>
    </rPh>
    <phoneticPr fontId="2"/>
  </si>
  <si>
    <t>都筑区</t>
    <phoneticPr fontId="2"/>
  </si>
  <si>
    <t>箱根町</t>
  </si>
  <si>
    <t>開成町</t>
  </si>
  <si>
    <t>真鶴町</t>
  </si>
  <si>
    <t>宮前区</t>
    <phoneticPr fontId="2"/>
  </si>
  <si>
    <t>湯河原町</t>
  </si>
  <si>
    <t>幸区</t>
    <phoneticPr fontId="2"/>
  </si>
  <si>
    <t>三浦市</t>
    <rPh sb="0" eb="1">
      <t>サン</t>
    </rPh>
    <rPh sb="1" eb="2">
      <t>ウラ</t>
    </rPh>
    <phoneticPr fontId="22"/>
  </si>
  <si>
    <t>藤沢市</t>
  </si>
  <si>
    <t>山北町</t>
  </si>
  <si>
    <r>
      <t>（２）生産年齢人口（15～64歳）の構成比　　［神奈川県  62.4％　</t>
    </r>
    <r>
      <rPr>
        <b/>
        <sz val="11"/>
        <rFont val="ＭＳ Ｐ明朝"/>
        <family val="1"/>
        <charset val="128"/>
      </rPr>
      <t>全国</t>
    </r>
    <r>
      <rPr>
        <b/>
        <i/>
        <sz val="11"/>
        <color rgb="FFFF0000"/>
        <rFont val="ＭＳ Ｐ明朝"/>
        <family val="1"/>
        <charset val="128"/>
      </rPr>
      <t>　</t>
    </r>
    <r>
      <rPr>
        <b/>
        <sz val="11"/>
        <rFont val="ＭＳ Ｐ明朝"/>
        <family val="1"/>
        <charset val="128"/>
      </rPr>
      <t>59.4％］</t>
    </r>
    <rPh sb="3" eb="5">
      <t>セイサン</t>
    </rPh>
    <rPh sb="5" eb="7">
      <t>ネンレイ</t>
    </rPh>
    <rPh sb="7" eb="9">
      <t>ジンコウ</t>
    </rPh>
    <rPh sb="15" eb="16">
      <t>サイ</t>
    </rPh>
    <rPh sb="18" eb="21">
      <t>コウセイヒ</t>
    </rPh>
    <rPh sb="24" eb="28">
      <t>カナガワケン</t>
    </rPh>
    <rPh sb="36" eb="38">
      <t>ゼンコク</t>
    </rPh>
    <phoneticPr fontId="2"/>
  </si>
  <si>
    <t>中原区</t>
    <phoneticPr fontId="2"/>
  </si>
  <si>
    <t>西区</t>
    <phoneticPr fontId="2"/>
  </si>
  <si>
    <t>多摩区</t>
    <phoneticPr fontId="2"/>
  </si>
  <si>
    <t>高津区</t>
    <phoneticPr fontId="2"/>
  </si>
  <si>
    <t>港北区</t>
    <phoneticPr fontId="2"/>
  </si>
  <si>
    <t>清川村</t>
  </si>
  <si>
    <r>
      <t>（３）老年人口（65歳以上）の構成比　　［神奈川県  25.8％　</t>
    </r>
    <r>
      <rPr>
        <b/>
        <sz val="11"/>
        <rFont val="ＭＳ Ｐ明朝"/>
        <family val="1"/>
        <charset val="128"/>
      </rPr>
      <t>全国　28.9％］</t>
    </r>
    <rPh sb="3" eb="5">
      <t>ロウネン</t>
    </rPh>
    <rPh sb="5" eb="7">
      <t>ジンコウ</t>
    </rPh>
    <rPh sb="10" eb="11">
      <t>サイ</t>
    </rPh>
    <rPh sb="11" eb="13">
      <t>イジョウ</t>
    </rPh>
    <rPh sb="15" eb="18">
      <t>コウセイヒ</t>
    </rPh>
    <rPh sb="21" eb="25">
      <t>カナガワケン</t>
    </rPh>
    <rPh sb="33" eb="35">
      <t>ゼンコク</t>
    </rPh>
    <phoneticPr fontId="2"/>
  </si>
  <si>
    <t>中原区</t>
    <phoneticPr fontId="2"/>
  </si>
  <si>
    <t>都筑区</t>
    <phoneticPr fontId="2"/>
  </si>
  <si>
    <t>高津区</t>
    <phoneticPr fontId="2"/>
  </si>
  <si>
    <t>港北区</t>
    <phoneticPr fontId="2"/>
  </si>
  <si>
    <t>（４）平均年齢　　［神奈川県  46.80歳］</t>
    <rPh sb="3" eb="5">
      <t>ヘイキン</t>
    </rPh>
    <rPh sb="5" eb="7">
      <t>ネンレイ</t>
    </rPh>
    <rPh sb="10" eb="14">
      <t>カナガワケン</t>
    </rPh>
    <rPh sb="21" eb="22">
      <t>サイ</t>
    </rPh>
    <phoneticPr fontId="2"/>
  </si>
  <si>
    <t>平均年齢</t>
    <rPh sb="0" eb="2">
      <t>ヘイキン</t>
    </rPh>
    <rPh sb="2" eb="4">
      <t>ネンレイ</t>
    </rPh>
    <phoneticPr fontId="2"/>
  </si>
  <si>
    <t>高津区</t>
    <phoneticPr fontId="2"/>
  </si>
  <si>
    <t>多摩区</t>
    <phoneticPr fontId="2"/>
  </si>
  <si>
    <r>
      <t>（５）老年化指数（年少人口に対する老年人口の比率）　　［神奈川県  218.0</t>
    </r>
    <r>
      <rPr>
        <b/>
        <i/>
        <sz val="11"/>
        <rFont val="ＭＳ Ｐ明朝"/>
        <family val="1"/>
        <charset val="128"/>
      </rPr>
      <t>　</t>
    </r>
    <r>
      <rPr>
        <b/>
        <sz val="11"/>
        <rFont val="ＭＳ Ｐ明朝"/>
        <family val="1"/>
        <charset val="128"/>
      </rPr>
      <t>全国　246.1］</t>
    </r>
    <rPh sb="3" eb="5">
      <t>ロウネン</t>
    </rPh>
    <rPh sb="5" eb="6">
      <t>カ</t>
    </rPh>
    <rPh sb="6" eb="8">
      <t>シスウ</t>
    </rPh>
    <rPh sb="9" eb="11">
      <t>ネンショウ</t>
    </rPh>
    <rPh sb="11" eb="13">
      <t>ジンコウ</t>
    </rPh>
    <rPh sb="14" eb="15">
      <t>タイ</t>
    </rPh>
    <rPh sb="17" eb="19">
      <t>ロウネン</t>
    </rPh>
    <rPh sb="19" eb="21">
      <t>ジンコウ</t>
    </rPh>
    <rPh sb="22" eb="24">
      <t>ヒリツ</t>
    </rPh>
    <rPh sb="28" eb="32">
      <t>カナガワケン</t>
    </rPh>
    <rPh sb="40" eb="42">
      <t>ゼンコク</t>
    </rPh>
    <phoneticPr fontId="2"/>
  </si>
  <si>
    <t>指数</t>
    <rPh sb="0" eb="2">
      <t>シスウ</t>
    </rPh>
    <phoneticPr fontId="2"/>
  </si>
  <si>
    <t>中原区</t>
    <phoneticPr fontId="2"/>
  </si>
  <si>
    <t>都筑区</t>
    <phoneticPr fontId="2"/>
  </si>
  <si>
    <t>宮前区</t>
    <phoneticPr fontId="2"/>
  </si>
  <si>
    <t>高津区</t>
    <phoneticPr fontId="2"/>
  </si>
  <si>
    <t>港北区</t>
    <phoneticPr fontId="2"/>
  </si>
  <si>
    <t>令和４年１月１日現在</t>
    <rPh sb="0" eb="2">
      <t>レイワ</t>
    </rPh>
    <phoneticPr fontId="16"/>
  </si>
  <si>
    <t>令和３年１月１日現在</t>
    <rPh sb="0" eb="2">
      <t>レイワ</t>
    </rPh>
    <phoneticPr fontId="16"/>
  </si>
  <si>
    <t>令和３年～令和４年の増減数</t>
    <rPh sb="0" eb="2">
      <t>レイワ</t>
    </rPh>
    <rPh sb="5" eb="7">
      <t>レイワ</t>
    </rPh>
    <phoneticPr fontId="16"/>
  </si>
  <si>
    <t>令和３年～令和４年の増減率</t>
    <rPh sb="0" eb="2">
      <t>レイワ</t>
    </rPh>
    <rPh sb="5" eb="7">
      <t>レイワ</t>
    </rPh>
    <phoneticPr fontId="16"/>
  </si>
  <si>
    <t>人口構成比（令和４年1月1日現在）</t>
    <rPh sb="0" eb="2">
      <t>ジンコウ</t>
    </rPh>
    <rPh sb="2" eb="5">
      <t>コウセイヒ</t>
    </rPh>
    <phoneticPr fontId="16"/>
  </si>
  <si>
    <t>令和４年</t>
    <rPh sb="0" eb="2">
      <t>レイワ</t>
    </rPh>
    <phoneticPr fontId="16"/>
  </si>
  <si>
    <t>地域・市区町村名</t>
    <rPh sb="1" eb="2">
      <t>イキ</t>
    </rPh>
    <rPh sb="4" eb="5">
      <t>ク</t>
    </rPh>
    <phoneticPr fontId="16"/>
  </si>
  <si>
    <t>総　　数</t>
    <phoneticPr fontId="16"/>
  </si>
  <si>
    <t>0～14歳</t>
    <phoneticPr fontId="16"/>
  </si>
  <si>
    <t>15～64歳</t>
  </si>
  <si>
    <t>65歳以上</t>
  </si>
  <si>
    <t>0～14歳</t>
    <phoneticPr fontId="16"/>
  </si>
  <si>
    <t>総　　数</t>
    <phoneticPr fontId="16"/>
  </si>
  <si>
    <t xml:space="preserve"> 0～14歳</t>
  </si>
  <si>
    <t>総　数</t>
    <phoneticPr fontId="16"/>
  </si>
  <si>
    <t>平均年齢</t>
  </si>
  <si>
    <t>老年化指数</t>
  </si>
  <si>
    <t>県　　  計</t>
    <phoneticPr fontId="16"/>
  </si>
  <si>
    <t xml:space="preserve"> 横  　浜  　市</t>
    <rPh sb="1" eb="2">
      <t>ヨコ</t>
    </rPh>
    <rPh sb="5" eb="6">
      <t>ハマ</t>
    </rPh>
    <phoneticPr fontId="22"/>
  </si>
  <si>
    <t>　 鶴　　見　　区</t>
  </si>
  <si>
    <t>　 神  奈  川  区</t>
  </si>
  <si>
    <t>　 西　　　　　区</t>
  </si>
  <si>
    <t>　 中　　　　　区</t>
  </si>
  <si>
    <t>　 南　　　　　区</t>
  </si>
  <si>
    <t>　 保 土 ケ 谷 区</t>
    <phoneticPr fontId="16"/>
  </si>
  <si>
    <t>　 磯　　子　  区</t>
  </si>
  <si>
    <t>　 金　　沢　　区</t>
  </si>
  <si>
    <t>　 港　　北　　区</t>
  </si>
  <si>
    <t>　 戸　　塚　　区</t>
  </si>
  <si>
    <t>　 港　　南　　区</t>
  </si>
  <si>
    <t>　 旭　　　　　区</t>
  </si>
  <si>
    <t>　 緑　　　　　区</t>
  </si>
  <si>
    <t>　 瀬　　谷　　区</t>
  </si>
  <si>
    <t>　 栄　　　　　区</t>
  </si>
  <si>
    <t>　 泉　　　　　区</t>
  </si>
  <si>
    <t>　 青　　葉　　区</t>
  </si>
  <si>
    <t>　 都　　筑　　区</t>
  </si>
  <si>
    <t xml:space="preserve"> 川  　崎  　市</t>
    <rPh sb="1" eb="2">
      <t>カワ</t>
    </rPh>
    <rPh sb="5" eb="6">
      <t>ザキ</t>
    </rPh>
    <phoneticPr fontId="22"/>
  </si>
  <si>
    <t>　 川　　崎　　区</t>
  </si>
  <si>
    <t>　 幸　　　　　区</t>
  </si>
  <si>
    <t>　 中　　原　　区</t>
  </si>
  <si>
    <t>　 高　　津　　区</t>
  </si>
  <si>
    <t>　 多　　摩　　区</t>
  </si>
  <si>
    <t>　 宮　　前　　区</t>
  </si>
  <si>
    <t>　 麻　　生　　区</t>
  </si>
  <si>
    <t>横須賀三浦地域</t>
    <rPh sb="5" eb="7">
      <t>チイキ</t>
    </rPh>
    <phoneticPr fontId="22"/>
  </si>
  <si>
    <t xml:space="preserve">   横  須  賀  市</t>
  </si>
  <si>
    <t xml:space="preserve">   鎌  　倉  　市</t>
  </si>
  <si>
    <t xml:space="preserve">   逗　  子  　市</t>
  </si>
  <si>
    <t xml:space="preserve">   三　  浦  　市</t>
    <rPh sb="3" eb="4">
      <t>サン</t>
    </rPh>
    <rPh sb="7" eb="8">
      <t>ウラ</t>
    </rPh>
    <phoneticPr fontId="22"/>
  </si>
  <si>
    <t xml:space="preserve">   葉  　山  　町</t>
  </si>
  <si>
    <t>県央地域</t>
    <rPh sb="2" eb="4">
      <t>チイキ</t>
    </rPh>
    <phoneticPr fontId="22"/>
  </si>
  <si>
    <t xml:space="preserve">   相  模  原  市</t>
    <rPh sb="3" eb="4">
      <t>ソウ</t>
    </rPh>
    <rPh sb="6" eb="7">
      <t>ボ</t>
    </rPh>
    <rPh sb="9" eb="10">
      <t>ハラ</t>
    </rPh>
    <phoneticPr fontId="22"/>
  </si>
  <si>
    <t>　 中　　央　  区</t>
    <rPh sb="2" eb="3">
      <t>チュウ</t>
    </rPh>
    <rPh sb="5" eb="6">
      <t>オウ</t>
    </rPh>
    <phoneticPr fontId="22"/>
  </si>
  <si>
    <t xml:space="preserve">   厚 　 木 　 市</t>
  </si>
  <si>
    <t xml:space="preserve">   大　  和 　 市</t>
  </si>
  <si>
    <t xml:space="preserve">   海  老  名  市</t>
  </si>
  <si>
    <t xml:space="preserve">   座 　 間 　 市</t>
  </si>
  <si>
    <t xml:space="preserve">   綾 　 瀬 　 市</t>
  </si>
  <si>
    <t>　 愛　　川　　町</t>
  </si>
  <si>
    <t>　 清　　川　　村</t>
  </si>
  <si>
    <t>湘南地域</t>
    <rPh sb="2" eb="4">
      <t>チイキ</t>
    </rPh>
    <phoneticPr fontId="22"/>
  </si>
  <si>
    <t>　 平　　塚　　市</t>
  </si>
  <si>
    <t>　 藤　　沢 　 市</t>
  </si>
  <si>
    <t>　 茅　ヶ　崎　市</t>
  </si>
  <si>
    <t>　 秦　　野 　 市</t>
  </si>
  <si>
    <t>　 伊　勢　原　市</t>
  </si>
  <si>
    <t xml:space="preserve">   寒    川    町</t>
  </si>
  <si>
    <t>　 大　　磯　　町</t>
  </si>
  <si>
    <t>　 二　　宮　　町</t>
  </si>
  <si>
    <t>県西地域</t>
    <rPh sb="0" eb="2">
      <t>ケンセイ</t>
    </rPh>
    <rPh sb="2" eb="4">
      <t>チイキ</t>
    </rPh>
    <phoneticPr fontId="22"/>
  </si>
  <si>
    <t>　 小　田　原　市</t>
  </si>
  <si>
    <t>　 南　足　柄　市</t>
  </si>
  <si>
    <t>　 中　　井　　町</t>
  </si>
  <si>
    <t>　 大　　井　　町</t>
  </si>
  <si>
    <t>　 松　　田　　町</t>
  </si>
  <si>
    <t>　 山　　北　　町</t>
  </si>
  <si>
    <t>　 開　　成　　町</t>
  </si>
  <si>
    <t>　 箱　　根　　町</t>
  </si>
  <si>
    <t>　 真　　鶴　　町</t>
  </si>
  <si>
    <t>　 湯　河　原　町</t>
  </si>
  <si>
    <t>　　　　　2　構成比は年齢不詳を除いて算出している。</t>
    <phoneticPr fontId="2"/>
  </si>
  <si>
    <t>地域・市区町村名</t>
    <rPh sb="1" eb="2">
      <t>イキ</t>
    </rPh>
    <rPh sb="4" eb="5">
      <t>ク</t>
    </rPh>
    <rPh sb="5" eb="6">
      <t>チョウ</t>
    </rPh>
    <phoneticPr fontId="16"/>
  </si>
  <si>
    <t>15～64歳</t>
    <phoneticPr fontId="16"/>
  </si>
  <si>
    <t>総　数</t>
    <phoneticPr fontId="16"/>
  </si>
  <si>
    <t>県　　  計</t>
    <phoneticPr fontId="16"/>
  </si>
  <si>
    <t>　 保 土 ケ 谷 区</t>
  </si>
  <si>
    <t>　　　　　2　構成比は年齢不詳を除いて算出している。</t>
    <phoneticPr fontId="2"/>
  </si>
  <si>
    <t>【表12】　年齢（５歳階級、３区分）別異動人口〈神奈川県〉</t>
    <phoneticPr fontId="16"/>
  </si>
  <si>
    <t>人口</t>
    <rPh sb="0" eb="2">
      <t>ジンコウ</t>
    </rPh>
    <phoneticPr fontId="16"/>
  </si>
  <si>
    <t>人口増減</t>
    <rPh sb="2" eb="4">
      <t>ゾウゲン</t>
    </rPh>
    <phoneticPr fontId="16"/>
  </si>
  <si>
    <t>自然増減</t>
    <rPh sb="3" eb="4">
      <t>ゲン</t>
    </rPh>
    <phoneticPr fontId="16"/>
  </si>
  <si>
    <t>出　　生</t>
  </si>
  <si>
    <t>死　　亡</t>
    <rPh sb="0" eb="4">
      <t>シボウ</t>
    </rPh>
    <phoneticPr fontId="16"/>
  </si>
  <si>
    <t>社会増減</t>
    <rPh sb="3" eb="4">
      <t>ゲン</t>
    </rPh>
    <phoneticPr fontId="16"/>
  </si>
  <si>
    <t>転　　入</t>
  </si>
  <si>
    <t>転　　出</t>
  </si>
  <si>
    <t>（Ａ+Ｂ)</t>
    <phoneticPr fontId="16"/>
  </si>
  <si>
    <t>(Ａ)＝ａ－ｂ</t>
    <phoneticPr fontId="16"/>
  </si>
  <si>
    <t xml:space="preserve"> ａ</t>
    <phoneticPr fontId="16"/>
  </si>
  <si>
    <t xml:space="preserve"> ｂ</t>
    <phoneticPr fontId="16"/>
  </si>
  <si>
    <t>(Ｂ)＝ｃ－ｄ</t>
    <phoneticPr fontId="16"/>
  </si>
  <si>
    <t>ｃ</t>
    <phoneticPr fontId="16"/>
  </si>
  <si>
    <t>ｄ</t>
    <phoneticPr fontId="16"/>
  </si>
  <si>
    <t>令和４年１月１日現在</t>
    <rPh sb="0" eb="2">
      <t>レイワ</t>
    </rPh>
    <rPh sb="3" eb="4">
      <t>ネン</t>
    </rPh>
    <rPh sb="5" eb="6">
      <t>ガツ</t>
    </rPh>
    <rPh sb="7" eb="10">
      <t>ニチゲンザイ</t>
    </rPh>
    <phoneticPr fontId="16"/>
  </si>
  <si>
    <t xml:space="preserve">     0～ 4歳</t>
    <phoneticPr fontId="16"/>
  </si>
  <si>
    <t>令和３年中</t>
    <rPh sb="0" eb="2">
      <t>レイワ</t>
    </rPh>
    <rPh sb="3" eb="5">
      <t>ネンナカ</t>
    </rPh>
    <phoneticPr fontId="16"/>
  </si>
  <si>
    <t xml:space="preserve">     5～ 9</t>
    <phoneticPr fontId="16"/>
  </si>
  <si>
    <t xml:space="preserve">   10～14</t>
    <phoneticPr fontId="16"/>
  </si>
  <si>
    <t xml:space="preserve">   15～19</t>
    <phoneticPr fontId="16"/>
  </si>
  <si>
    <t xml:space="preserve">   20～24</t>
    <phoneticPr fontId="16"/>
  </si>
  <si>
    <t xml:space="preserve">   25～29</t>
    <phoneticPr fontId="16"/>
  </si>
  <si>
    <t xml:space="preserve">   30～34</t>
    <phoneticPr fontId="16"/>
  </si>
  <si>
    <t xml:space="preserve">   35～39</t>
    <phoneticPr fontId="16"/>
  </si>
  <si>
    <t xml:space="preserve">   40～44</t>
    <phoneticPr fontId="16"/>
  </si>
  <si>
    <t xml:space="preserve">   45～49</t>
    <phoneticPr fontId="16"/>
  </si>
  <si>
    <t xml:space="preserve">   50～54</t>
    <phoneticPr fontId="16"/>
  </si>
  <si>
    <t xml:space="preserve">   55～59</t>
    <phoneticPr fontId="16"/>
  </si>
  <si>
    <t xml:space="preserve">   60～64</t>
    <phoneticPr fontId="16"/>
  </si>
  <si>
    <t xml:space="preserve">   65～69</t>
    <phoneticPr fontId="16"/>
  </si>
  <si>
    <t xml:space="preserve">   70～74</t>
    <phoneticPr fontId="16"/>
  </si>
  <si>
    <t xml:space="preserve">   75～79</t>
    <phoneticPr fontId="16"/>
  </si>
  <si>
    <t xml:space="preserve">   80～84</t>
    <phoneticPr fontId="16"/>
  </si>
  <si>
    <t xml:space="preserve">   85～89</t>
    <phoneticPr fontId="16"/>
  </si>
  <si>
    <t xml:space="preserve">   90～94</t>
    <phoneticPr fontId="16"/>
  </si>
  <si>
    <t xml:space="preserve">   95～99</t>
    <phoneticPr fontId="16"/>
  </si>
  <si>
    <t xml:space="preserve">  100歳以上</t>
    <phoneticPr fontId="16"/>
  </si>
  <si>
    <t xml:space="preserve">   0～14歳</t>
    <phoneticPr fontId="16"/>
  </si>
  <si>
    <t xml:space="preserve">  15～64歳</t>
    <phoneticPr fontId="16"/>
  </si>
  <si>
    <t xml:space="preserve">  65歳以上</t>
    <phoneticPr fontId="16"/>
  </si>
  <si>
    <t>令和３年１月１日現在</t>
    <rPh sb="0" eb="2">
      <t>レイワ</t>
    </rPh>
    <rPh sb="3" eb="4">
      <t>ネン</t>
    </rPh>
    <rPh sb="5" eb="6">
      <t>ガツ</t>
    </rPh>
    <rPh sb="7" eb="10">
      <t>ニチゲンザイ</t>
    </rPh>
    <phoneticPr fontId="16"/>
  </si>
  <si>
    <t xml:space="preserve">     0～ 4歳</t>
    <phoneticPr fontId="16"/>
  </si>
  <si>
    <t>令和２年中</t>
    <rPh sb="0" eb="2">
      <t>レイワ</t>
    </rPh>
    <rPh sb="3" eb="4">
      <t>ネン</t>
    </rPh>
    <rPh sb="4" eb="5">
      <t>チュウ</t>
    </rPh>
    <phoneticPr fontId="16"/>
  </si>
  <si>
    <t xml:space="preserve">   10～14</t>
    <phoneticPr fontId="16"/>
  </si>
  <si>
    <t xml:space="preserve">   20～24</t>
    <phoneticPr fontId="16"/>
  </si>
  <si>
    <t xml:space="preserve">   25～29</t>
    <phoneticPr fontId="16"/>
  </si>
  <si>
    <t xml:space="preserve">   30～34</t>
    <phoneticPr fontId="16"/>
  </si>
  <si>
    <t xml:space="preserve">   35～39</t>
    <phoneticPr fontId="16"/>
  </si>
  <si>
    <t xml:space="preserve">   45～49</t>
    <phoneticPr fontId="16"/>
  </si>
  <si>
    <t xml:space="preserve">   50～54</t>
    <phoneticPr fontId="16"/>
  </si>
  <si>
    <t xml:space="preserve">   55～59</t>
    <phoneticPr fontId="16"/>
  </si>
  <si>
    <t xml:space="preserve">   60～64</t>
    <phoneticPr fontId="16"/>
  </si>
  <si>
    <t xml:space="preserve">   70～74</t>
    <phoneticPr fontId="16"/>
  </si>
  <si>
    <t xml:space="preserve">   85～89</t>
    <phoneticPr fontId="16"/>
  </si>
  <si>
    <t xml:space="preserve">   90～94</t>
    <phoneticPr fontId="16"/>
  </si>
  <si>
    <t xml:space="preserve">  65歳以上</t>
    <phoneticPr fontId="16"/>
  </si>
  <si>
    <t>　 （注） １　総数には年齢不詳を含むため、合計は一致しない。</t>
    <rPh sb="3" eb="4">
      <t>チュウ</t>
    </rPh>
    <phoneticPr fontId="16"/>
  </si>
  <si>
    <t>　　　　　２　社会増減のうち、正数は転入超過を、負数は転出超過を表している。</t>
    <phoneticPr fontId="16"/>
  </si>
  <si>
    <t>　　　　　３　転入及び転出は、県内市区町村間の移動を含む。</t>
    <phoneticPr fontId="16"/>
  </si>
  <si>
    <t>【表13】　年齢（10歳階級）別異動人口〈神奈川県〉</t>
    <phoneticPr fontId="16"/>
  </si>
  <si>
    <t xml:space="preserve"> 人　口</t>
    <phoneticPr fontId="16"/>
  </si>
  <si>
    <t>(Ｂ)＝ｃ－ｄ</t>
    <phoneticPr fontId="16"/>
  </si>
  <si>
    <t>ｄ</t>
    <phoneticPr fontId="16"/>
  </si>
  <si>
    <t>令
和
３
年
中</t>
    <rPh sb="0" eb="1">
      <t>レイ</t>
    </rPh>
    <rPh sb="2" eb="3">
      <t>カズ</t>
    </rPh>
    <rPh sb="6" eb="7">
      <t>ネン</t>
    </rPh>
    <rPh sb="8" eb="9">
      <t>ナカ</t>
    </rPh>
    <phoneticPr fontId="16"/>
  </si>
  <si>
    <t xml:space="preserve">    0～ 9歳</t>
  </si>
  <si>
    <t>-</t>
    <phoneticPr fontId="16"/>
  </si>
  <si>
    <t>-</t>
    <phoneticPr fontId="16"/>
  </si>
  <si>
    <t>１</t>
    <phoneticPr fontId="16"/>
  </si>
  <si>
    <t>月</t>
  </si>
  <si>
    <t>-</t>
    <phoneticPr fontId="16"/>
  </si>
  <si>
    <t>１</t>
    <phoneticPr fontId="16"/>
  </si>
  <si>
    <t>-</t>
    <phoneticPr fontId="16"/>
  </si>
  <si>
    <t>日</t>
  </si>
  <si>
    <t>-</t>
    <phoneticPr fontId="16"/>
  </si>
  <si>
    <t>現</t>
  </si>
  <si>
    <t>在</t>
  </si>
  <si>
    <t xml:space="preserve"> 100歳以上</t>
  </si>
  <si>
    <t>令
和
２
年
中</t>
    <rPh sb="0" eb="1">
      <t>レイ</t>
    </rPh>
    <rPh sb="2" eb="3">
      <t>カズ</t>
    </rPh>
    <rPh sb="6" eb="7">
      <t>ネン</t>
    </rPh>
    <rPh sb="8" eb="9">
      <t>ナカ</t>
    </rPh>
    <phoneticPr fontId="16"/>
  </si>
  <si>
    <t>１</t>
  </si>
  <si>
    <t>平
成
３１
・
令
和
元
年
中</t>
    <rPh sb="0" eb="1">
      <t>ヘイ</t>
    </rPh>
    <rPh sb="2" eb="3">
      <t>シゲル</t>
    </rPh>
    <rPh sb="9" eb="10">
      <t>レイ</t>
    </rPh>
    <rPh sb="11" eb="12">
      <t>カズ</t>
    </rPh>
    <rPh sb="13" eb="14">
      <t>ガン</t>
    </rPh>
    <rPh sb="15" eb="16">
      <t>ネン</t>
    </rPh>
    <rPh sb="17" eb="18">
      <t>ナカ</t>
    </rPh>
    <phoneticPr fontId="16"/>
  </si>
  <si>
    <t>平
成
３0
年
中</t>
    <rPh sb="0" eb="1">
      <t>ヘイ</t>
    </rPh>
    <rPh sb="2" eb="3">
      <t>シゲル</t>
    </rPh>
    <rPh sb="7" eb="8">
      <t>ネン</t>
    </rPh>
    <rPh sb="9" eb="10">
      <t>ナカ</t>
    </rPh>
    <phoneticPr fontId="16"/>
  </si>
  <si>
    <t>平</t>
  </si>
  <si>
    <t>成</t>
  </si>
  <si>
    <t>平
成
29
年
中</t>
    <rPh sb="0" eb="1">
      <t>ヘイ</t>
    </rPh>
    <rPh sb="2" eb="3">
      <t>シゲル</t>
    </rPh>
    <rPh sb="7" eb="8">
      <t>ネン</t>
    </rPh>
    <rPh sb="9" eb="10">
      <t>ナカ</t>
    </rPh>
    <phoneticPr fontId="16"/>
  </si>
  <si>
    <t>　（注） １　総数には年齢不詳を含むため、合計は一致しない。</t>
    <rPh sb="2" eb="3">
      <t>チュウ</t>
    </rPh>
    <phoneticPr fontId="16"/>
  </si>
  <si>
    <t>　　　　 ２　社会増減のうち、正数は転入超過を、負数は転出超過を表している。</t>
    <phoneticPr fontId="16"/>
  </si>
  <si>
    <t>　　　　 ３　転入及び転出は、県内市区町村間の移動を含む。</t>
    <phoneticPr fontId="16"/>
  </si>
  <si>
    <t>【表14】－1　年齢（５歳階級、３区分）別、男女別異動人口〈神奈川県〉</t>
    <phoneticPr fontId="16"/>
  </si>
  <si>
    <t>【表14】―1　年齢（５歳階級、３区分）別、男女別異動人口〈神奈川県〉</t>
    <phoneticPr fontId="16"/>
  </si>
  <si>
    <r>
      <t xml:space="preserve">令和４年１月１日現在
</t>
    </r>
    <r>
      <rPr>
        <sz val="11"/>
        <rFont val="ＭＳ Ｐ明朝"/>
        <family val="1"/>
        <charset val="128"/>
      </rPr>
      <t>人口</t>
    </r>
    <r>
      <rPr>
        <sz val="10"/>
        <rFont val="ＭＳ Ｐ明朝"/>
        <family val="1"/>
        <charset val="128"/>
      </rPr>
      <t>　</t>
    </r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rPh sb="12" eb="14">
      <t>ジンコウ</t>
    </rPh>
    <phoneticPr fontId="16"/>
  </si>
  <si>
    <t>令 和 ３ 年 中</t>
    <rPh sb="0" eb="1">
      <t>レイ</t>
    </rPh>
    <rPh sb="2" eb="3">
      <t>ワ</t>
    </rPh>
    <phoneticPr fontId="16"/>
  </si>
  <si>
    <t>人　口　増　減</t>
    <rPh sb="0" eb="1">
      <t>ヒト</t>
    </rPh>
    <rPh sb="2" eb="3">
      <t>クチ</t>
    </rPh>
    <rPh sb="4" eb="5">
      <t>ゾウ</t>
    </rPh>
    <rPh sb="6" eb="7">
      <t>ゲン</t>
    </rPh>
    <phoneticPr fontId="16"/>
  </si>
  <si>
    <t>死　　亡</t>
    <phoneticPr fontId="16"/>
  </si>
  <si>
    <t>(Ａ＋Ｂ)</t>
  </si>
  <si>
    <t xml:space="preserve"> (Ａ)＝ａ－ｂ</t>
    <phoneticPr fontId="16"/>
  </si>
  <si>
    <t>ａ</t>
    <phoneticPr fontId="16"/>
  </si>
  <si>
    <t>ｂ</t>
    <phoneticPr fontId="16"/>
  </si>
  <si>
    <t xml:space="preserve"> (Ｂ)＝ｃ－ｄ</t>
    <phoneticPr fontId="16"/>
  </si>
  <si>
    <t>ｃ</t>
    <phoneticPr fontId="16"/>
  </si>
  <si>
    <t>ｄ</t>
    <phoneticPr fontId="16"/>
  </si>
  <si>
    <t>総数</t>
  </si>
  <si>
    <t>男</t>
  </si>
  <si>
    <t>女</t>
  </si>
  <si>
    <t>総数</t>
    <phoneticPr fontId="16"/>
  </si>
  <si>
    <t>総数</t>
    <phoneticPr fontId="16"/>
  </si>
  <si>
    <t>(構成比)</t>
    <rPh sb="1" eb="4">
      <t>コウセイヒ</t>
    </rPh>
    <phoneticPr fontId="16"/>
  </si>
  <si>
    <t>男</t>
    <rPh sb="0" eb="1">
      <t>オトコ</t>
    </rPh>
    <phoneticPr fontId="16"/>
  </si>
  <si>
    <t>（％）</t>
    <phoneticPr fontId="16"/>
  </si>
  <si>
    <t>（％）</t>
    <phoneticPr fontId="16"/>
  </si>
  <si>
    <t>（％）</t>
    <phoneticPr fontId="16"/>
  </si>
  <si>
    <t>（％）</t>
    <phoneticPr fontId="16"/>
  </si>
  <si>
    <t>（－）</t>
    <phoneticPr fontId="16"/>
  </si>
  <si>
    <t>（－）</t>
  </si>
  <si>
    <t xml:space="preserve">     0～ 4歳</t>
    <phoneticPr fontId="16"/>
  </si>
  <si>
    <t xml:space="preserve">     5～ 9</t>
    <phoneticPr fontId="16"/>
  </si>
  <si>
    <t>－</t>
    <phoneticPr fontId="16"/>
  </si>
  <si>
    <t xml:space="preserve">   10～14</t>
    <phoneticPr fontId="16"/>
  </si>
  <si>
    <t>－</t>
    <phoneticPr fontId="16"/>
  </si>
  <si>
    <t xml:space="preserve">   15～19</t>
    <phoneticPr fontId="16"/>
  </si>
  <si>
    <t xml:space="preserve">   20～24</t>
    <phoneticPr fontId="16"/>
  </si>
  <si>
    <t xml:space="preserve">   25～29</t>
    <phoneticPr fontId="16"/>
  </si>
  <si>
    <t xml:space="preserve">   30～34</t>
    <phoneticPr fontId="16"/>
  </si>
  <si>
    <t xml:space="preserve">   35～39</t>
    <phoneticPr fontId="16"/>
  </si>
  <si>
    <t xml:space="preserve">   40～44</t>
    <phoneticPr fontId="16"/>
  </si>
  <si>
    <t xml:space="preserve">   45～49</t>
    <phoneticPr fontId="16"/>
  </si>
  <si>
    <t xml:space="preserve">   50～54</t>
    <phoneticPr fontId="16"/>
  </si>
  <si>
    <t xml:space="preserve">   55～59</t>
    <phoneticPr fontId="16"/>
  </si>
  <si>
    <t xml:space="preserve">   60～64</t>
    <phoneticPr fontId="16"/>
  </si>
  <si>
    <t xml:space="preserve">   65～69</t>
    <phoneticPr fontId="16"/>
  </si>
  <si>
    <t xml:space="preserve">   90～94</t>
    <phoneticPr fontId="16"/>
  </si>
  <si>
    <t xml:space="preserve">   0～14歳</t>
    <phoneticPr fontId="16"/>
  </si>
  <si>
    <t xml:space="preserve">  15～64歳</t>
    <phoneticPr fontId="16"/>
  </si>
  <si>
    <t xml:space="preserve">  65歳以上</t>
    <phoneticPr fontId="16"/>
  </si>
  <si>
    <t>　　　　　２　構成比は年齢不詳を除いて算出している。</t>
    <phoneticPr fontId="16"/>
  </si>
  <si>
    <t>　　　　　３　社会増減のうち、正数は転入超過を、負数は転出超過を表している。</t>
    <phoneticPr fontId="16"/>
  </si>
  <si>
    <t>　　　　　４　転入及び転出は、県内市区町村間の移動を含む。</t>
    <phoneticPr fontId="16"/>
  </si>
  <si>
    <t>【表14】－2　年齢（５歳階級、３区分）別、男女別異動人口〈横浜市〉</t>
    <rPh sb="30" eb="33">
      <t>ヨコハマシ</t>
    </rPh>
    <phoneticPr fontId="16"/>
  </si>
  <si>
    <t>死　　亡</t>
    <phoneticPr fontId="16"/>
  </si>
  <si>
    <t xml:space="preserve"> (Ａ)＝ａ－ｂ</t>
    <phoneticPr fontId="16"/>
  </si>
  <si>
    <t xml:space="preserve"> (Ｂ)＝ｃ－ｄ</t>
    <phoneticPr fontId="16"/>
  </si>
  <si>
    <t>ｄ</t>
    <phoneticPr fontId="16"/>
  </si>
  <si>
    <t>総数</t>
    <phoneticPr fontId="16"/>
  </si>
  <si>
    <t>（－）</t>
    <phoneticPr fontId="16"/>
  </si>
  <si>
    <t xml:space="preserve">     0～ 4歳</t>
    <phoneticPr fontId="16"/>
  </si>
  <si>
    <t xml:space="preserve">     5～ 9</t>
    <phoneticPr fontId="16"/>
  </si>
  <si>
    <t>－</t>
    <phoneticPr fontId="16"/>
  </si>
  <si>
    <t xml:space="preserve">   10～14</t>
    <phoneticPr fontId="16"/>
  </si>
  <si>
    <t>－</t>
    <phoneticPr fontId="16"/>
  </si>
  <si>
    <t xml:space="preserve">   15～19</t>
    <phoneticPr fontId="16"/>
  </si>
  <si>
    <t xml:space="preserve">   20～24</t>
    <phoneticPr fontId="16"/>
  </si>
  <si>
    <t xml:space="preserve">   25～29</t>
    <phoneticPr fontId="16"/>
  </si>
  <si>
    <t xml:space="preserve">   35～39</t>
    <phoneticPr fontId="16"/>
  </si>
  <si>
    <t xml:space="preserve">   40～44</t>
    <phoneticPr fontId="16"/>
  </si>
  <si>
    <t xml:space="preserve">   45～49</t>
    <phoneticPr fontId="16"/>
  </si>
  <si>
    <t xml:space="preserve">   50～54</t>
    <phoneticPr fontId="16"/>
  </si>
  <si>
    <t xml:space="preserve">   55～59</t>
    <phoneticPr fontId="16"/>
  </si>
  <si>
    <t xml:space="preserve">   60～64</t>
    <phoneticPr fontId="16"/>
  </si>
  <si>
    <t xml:space="preserve">   65～69</t>
    <phoneticPr fontId="16"/>
  </si>
  <si>
    <t xml:space="preserve">   70～74</t>
    <phoneticPr fontId="16"/>
  </si>
  <si>
    <t xml:space="preserve">   75～79</t>
    <phoneticPr fontId="16"/>
  </si>
  <si>
    <t xml:space="preserve">   80～84</t>
    <phoneticPr fontId="16"/>
  </si>
  <si>
    <t xml:space="preserve">   85～89</t>
    <phoneticPr fontId="16"/>
  </si>
  <si>
    <t xml:space="preserve">   90～94</t>
    <phoneticPr fontId="16"/>
  </si>
  <si>
    <t xml:space="preserve">   95～99</t>
    <phoneticPr fontId="16"/>
  </si>
  <si>
    <t xml:space="preserve">  100歳以上</t>
    <phoneticPr fontId="16"/>
  </si>
  <si>
    <t xml:space="preserve">  15～64歳</t>
    <phoneticPr fontId="16"/>
  </si>
  <si>
    <t>　　　　　２　構成比は年齢不詳を除いて算出している。</t>
    <phoneticPr fontId="16"/>
  </si>
  <si>
    <t>　　　　　３　社会増減のうち、正数は転入超過を、負数は転出超過を表している。</t>
    <phoneticPr fontId="16"/>
  </si>
  <si>
    <t>　　　　　４　転入及び転出は、県内市区町村間の移動を含む。</t>
    <phoneticPr fontId="16"/>
  </si>
  <si>
    <t>【表14】－3　年齢（５歳階級、３区分）別、男女別異動人口〈川崎市〉</t>
    <rPh sb="30" eb="32">
      <t>カワサキ</t>
    </rPh>
    <rPh sb="32" eb="33">
      <t>シ</t>
    </rPh>
    <phoneticPr fontId="16"/>
  </si>
  <si>
    <t xml:space="preserve">     0～ 4歳</t>
    <phoneticPr fontId="16"/>
  </si>
  <si>
    <t xml:space="preserve">     5～ 9</t>
    <phoneticPr fontId="16"/>
  </si>
  <si>
    <t>－</t>
    <phoneticPr fontId="16"/>
  </si>
  <si>
    <t xml:space="preserve">   10～14</t>
    <phoneticPr fontId="16"/>
  </si>
  <si>
    <t xml:space="preserve">   25～29</t>
    <phoneticPr fontId="16"/>
  </si>
  <si>
    <t xml:space="preserve">   60～64</t>
    <phoneticPr fontId="16"/>
  </si>
  <si>
    <t xml:space="preserve">   75～79</t>
    <phoneticPr fontId="16"/>
  </si>
  <si>
    <t xml:space="preserve">   80～84</t>
    <phoneticPr fontId="16"/>
  </si>
  <si>
    <t xml:space="preserve">   95～99</t>
    <phoneticPr fontId="16"/>
  </si>
  <si>
    <t xml:space="preserve">  100歳以上</t>
    <phoneticPr fontId="16"/>
  </si>
  <si>
    <t xml:space="preserve">  15～64歳</t>
    <phoneticPr fontId="16"/>
  </si>
  <si>
    <t xml:space="preserve">  65歳以上</t>
    <phoneticPr fontId="16"/>
  </si>
  <si>
    <t>　　　　　２　構成比は年齢不詳を除いて算出している。</t>
    <phoneticPr fontId="16"/>
  </si>
  <si>
    <t>　　　　　３　社会増減のうち、正数は転入超過を、負数は転出超過を表している。</t>
    <phoneticPr fontId="16"/>
  </si>
  <si>
    <t>　　　　　４　転入及び転出は、県内市区町村間の移動を含む。</t>
    <phoneticPr fontId="16"/>
  </si>
  <si>
    <t>【表14】－4　年齢（５歳階級、３区分）別、男女別異動人口〈横須賀三浦地域〉</t>
    <rPh sb="17" eb="19">
      <t>クブン</t>
    </rPh>
    <rPh sb="30" eb="35">
      <t>ヨコスカミウラ</t>
    </rPh>
    <rPh sb="35" eb="37">
      <t>チイキ</t>
    </rPh>
    <phoneticPr fontId="16"/>
  </si>
  <si>
    <t>（％）</t>
    <phoneticPr fontId="16"/>
  </si>
  <si>
    <t>（％）</t>
    <phoneticPr fontId="16"/>
  </si>
  <si>
    <t>（％）</t>
    <phoneticPr fontId="16"/>
  </si>
  <si>
    <t>（－）</t>
    <phoneticPr fontId="16"/>
  </si>
  <si>
    <t xml:space="preserve">     5～ 9</t>
    <phoneticPr fontId="16"/>
  </si>
  <si>
    <t>－</t>
    <phoneticPr fontId="16"/>
  </si>
  <si>
    <t xml:space="preserve">   10～14</t>
    <phoneticPr fontId="16"/>
  </si>
  <si>
    <t xml:space="preserve">   15～19</t>
    <phoneticPr fontId="16"/>
  </si>
  <si>
    <t xml:space="preserve">   20～24</t>
    <phoneticPr fontId="16"/>
  </si>
  <si>
    <t xml:space="preserve">   25～29</t>
    <phoneticPr fontId="16"/>
  </si>
  <si>
    <t xml:space="preserve">   30～34</t>
    <phoneticPr fontId="16"/>
  </si>
  <si>
    <t xml:space="preserve">   35～39</t>
    <phoneticPr fontId="16"/>
  </si>
  <si>
    <t xml:space="preserve">   40～44</t>
    <phoneticPr fontId="16"/>
  </si>
  <si>
    <t xml:space="preserve">   50～54</t>
    <phoneticPr fontId="16"/>
  </si>
  <si>
    <t xml:space="preserve">   55～59</t>
    <phoneticPr fontId="16"/>
  </si>
  <si>
    <t xml:space="preserve">   60～64</t>
    <phoneticPr fontId="16"/>
  </si>
  <si>
    <t xml:space="preserve">   65～69</t>
    <phoneticPr fontId="16"/>
  </si>
  <si>
    <t xml:space="preserve">   70～74</t>
    <phoneticPr fontId="16"/>
  </si>
  <si>
    <t xml:space="preserve">   75～79</t>
    <phoneticPr fontId="16"/>
  </si>
  <si>
    <t xml:space="preserve">   80～84</t>
    <phoneticPr fontId="16"/>
  </si>
  <si>
    <t xml:space="preserve">   85～89</t>
    <phoneticPr fontId="16"/>
  </si>
  <si>
    <t>【表14】―5　年齢（５歳階級、３区分）別、男女別異動人口〈県央地域〉</t>
    <rPh sb="30" eb="32">
      <t>ケンオウ</t>
    </rPh>
    <rPh sb="32" eb="34">
      <t>チイキ</t>
    </rPh>
    <phoneticPr fontId="16"/>
  </si>
  <si>
    <t xml:space="preserve">   15～19</t>
    <phoneticPr fontId="16"/>
  </si>
  <si>
    <t xml:space="preserve">   80～84</t>
    <phoneticPr fontId="16"/>
  </si>
  <si>
    <t xml:space="preserve">   85～89</t>
    <phoneticPr fontId="16"/>
  </si>
  <si>
    <t>　　　　　２　構成比は年齢不詳を除いて算出している。</t>
    <phoneticPr fontId="16"/>
  </si>
  <si>
    <t>【表14】―6　年齢（５歳階級、３区分）別、男女別異動人口〈湘南地域〉</t>
    <rPh sb="30" eb="32">
      <t>ショウナン</t>
    </rPh>
    <rPh sb="32" eb="34">
      <t>チイキ</t>
    </rPh>
    <phoneticPr fontId="16"/>
  </si>
  <si>
    <t xml:space="preserve"> (Ａ)＝ａ－ｂ</t>
    <phoneticPr fontId="16"/>
  </si>
  <si>
    <t>ｂ</t>
    <phoneticPr fontId="16"/>
  </si>
  <si>
    <t xml:space="preserve">     0～ 4歳</t>
    <phoneticPr fontId="16"/>
  </si>
  <si>
    <t>【表14】―7　年齢（５歳階級、３区分）別、男女別異動人口〈県西地域〉</t>
    <rPh sb="17" eb="19">
      <t>クブン</t>
    </rPh>
    <rPh sb="30" eb="32">
      <t>ケンニシ</t>
    </rPh>
    <rPh sb="32" eb="34">
      <t>チイキ</t>
    </rPh>
    <phoneticPr fontId="16"/>
  </si>
  <si>
    <t xml:space="preserve"> (Ａ)＝ａ－ｂ</t>
    <phoneticPr fontId="16"/>
  </si>
  <si>
    <t>ｂ</t>
    <phoneticPr fontId="16"/>
  </si>
  <si>
    <t xml:space="preserve"> (Ｂ)＝ｃ－ｄ</t>
    <phoneticPr fontId="16"/>
  </si>
  <si>
    <t>ｃ</t>
    <phoneticPr fontId="16"/>
  </si>
  <si>
    <t>ｄ</t>
    <phoneticPr fontId="16"/>
  </si>
  <si>
    <t>（－）</t>
    <phoneticPr fontId="16"/>
  </si>
  <si>
    <t>【表15】－1　年齢（10歳階級）別、男女別異動人口〈神奈川県〉</t>
  </si>
  <si>
    <t>【表15】―１　年齢（10歳階級）別、男女別異動人口〈神奈川県〉</t>
  </si>
  <si>
    <t>（ア）</t>
    <phoneticPr fontId="16"/>
  </si>
  <si>
    <t xml:space="preserve">     0～ 9歳</t>
    <phoneticPr fontId="16"/>
  </si>
  <si>
    <t>（ア）</t>
  </si>
  <si>
    <t xml:space="preserve">   10～19</t>
    <phoneticPr fontId="16"/>
  </si>
  <si>
    <t xml:space="preserve">   20～29</t>
    <phoneticPr fontId="16"/>
  </si>
  <si>
    <t>令和３年中</t>
    <rPh sb="0" eb="2">
      <t>レイワ</t>
    </rPh>
    <rPh sb="3" eb="4">
      <t>ネン</t>
    </rPh>
    <rPh sb="4" eb="5">
      <t>ナカ</t>
    </rPh>
    <phoneticPr fontId="16"/>
  </si>
  <si>
    <t xml:space="preserve">   30～39</t>
    <phoneticPr fontId="16"/>
  </si>
  <si>
    <t xml:space="preserve">   40～49</t>
    <phoneticPr fontId="16"/>
  </si>
  <si>
    <t xml:space="preserve">   50～59</t>
    <phoneticPr fontId="16"/>
  </si>
  <si>
    <t xml:space="preserve">   60～69</t>
    <phoneticPr fontId="16"/>
  </si>
  <si>
    <t xml:space="preserve">   70～79</t>
    <phoneticPr fontId="16"/>
  </si>
  <si>
    <t xml:space="preserve">   80～89</t>
    <phoneticPr fontId="16"/>
  </si>
  <si>
    <t xml:space="preserve">   90～99</t>
    <phoneticPr fontId="16"/>
  </si>
  <si>
    <t>（イ）</t>
    <phoneticPr fontId="16"/>
  </si>
  <si>
    <t>令和２年中</t>
    <rPh sb="0" eb="2">
      <t>レイワ</t>
    </rPh>
    <rPh sb="3" eb="4">
      <t>ネン</t>
    </rPh>
    <rPh sb="4" eb="5">
      <t>ナカ</t>
    </rPh>
    <phoneticPr fontId="16"/>
  </si>
  <si>
    <t xml:space="preserve">   30～39</t>
    <phoneticPr fontId="16"/>
  </si>
  <si>
    <t xml:space="preserve">   40～49</t>
    <phoneticPr fontId="16"/>
  </si>
  <si>
    <t xml:space="preserve">   60～69</t>
    <phoneticPr fontId="16"/>
  </si>
  <si>
    <t xml:space="preserve">   70～79</t>
    <phoneticPr fontId="16"/>
  </si>
  <si>
    <t>❘</t>
    <phoneticPr fontId="16"/>
  </si>
  <si>
    <t>　令和３～４年増減</t>
    <rPh sb="1" eb="3">
      <t>レイワ</t>
    </rPh>
    <rPh sb="6" eb="7">
      <t>ネン</t>
    </rPh>
    <rPh sb="7" eb="9">
      <t>ゾウゲン</t>
    </rPh>
    <phoneticPr fontId="16"/>
  </si>
  <si>
    <t>　令和２～３年中増減</t>
    <rPh sb="1" eb="3">
      <t>レイワ</t>
    </rPh>
    <rPh sb="6" eb="7">
      <t>ネン</t>
    </rPh>
    <rPh sb="7" eb="8">
      <t>ナカ</t>
    </rPh>
    <rPh sb="8" eb="10">
      <t>ゾウゲン</t>
    </rPh>
    <phoneticPr fontId="16"/>
  </si>
  <si>
    <t>【表15】－2　年齢（10歳階級）別、男女別異動人口〈横　浜　市〉</t>
    <rPh sb="27" eb="28">
      <t>ヨコ</t>
    </rPh>
    <rPh sb="29" eb="30">
      <t>ハマ</t>
    </rPh>
    <rPh sb="31" eb="32">
      <t>シ</t>
    </rPh>
    <phoneticPr fontId="16"/>
  </si>
  <si>
    <t>【表15】―２　年齢（10歳階級）別、男女別異動人口〈横　浜　市〉</t>
    <rPh sb="27" eb="28">
      <t>ヨコ</t>
    </rPh>
    <rPh sb="29" eb="30">
      <t>ハマ</t>
    </rPh>
    <rPh sb="31" eb="32">
      <t>シ</t>
    </rPh>
    <phoneticPr fontId="16"/>
  </si>
  <si>
    <t>（ア）</t>
    <phoneticPr fontId="16"/>
  </si>
  <si>
    <t xml:space="preserve">   10～19</t>
    <phoneticPr fontId="16"/>
  </si>
  <si>
    <t xml:space="preserve">   20～29</t>
    <phoneticPr fontId="16"/>
  </si>
  <si>
    <t xml:space="preserve">   30～39</t>
    <phoneticPr fontId="16"/>
  </si>
  <si>
    <t xml:space="preserve">   40～49</t>
    <phoneticPr fontId="16"/>
  </si>
  <si>
    <t>（イ）</t>
    <phoneticPr fontId="16"/>
  </si>
  <si>
    <t xml:space="preserve">   60～69</t>
    <phoneticPr fontId="16"/>
  </si>
  <si>
    <t xml:space="preserve">   80～89</t>
    <phoneticPr fontId="16"/>
  </si>
  <si>
    <t>【表15】－3　年齢（10歳階級）別、男女別異動人口〈川　崎　市〉</t>
    <rPh sb="27" eb="28">
      <t>カワ</t>
    </rPh>
    <rPh sb="29" eb="30">
      <t>ザキ</t>
    </rPh>
    <rPh sb="31" eb="32">
      <t>シ</t>
    </rPh>
    <phoneticPr fontId="16"/>
  </si>
  <si>
    <t>【表15】―３　年齢（10歳階級）別、男女別異動人口〈川　崎　市〉</t>
    <rPh sb="27" eb="28">
      <t>カワ</t>
    </rPh>
    <rPh sb="29" eb="30">
      <t>ザキ</t>
    </rPh>
    <rPh sb="31" eb="32">
      <t>シ</t>
    </rPh>
    <phoneticPr fontId="16"/>
  </si>
  <si>
    <t>ａ</t>
    <phoneticPr fontId="16"/>
  </si>
  <si>
    <t xml:space="preserve">   60～69</t>
    <phoneticPr fontId="16"/>
  </si>
  <si>
    <t xml:space="preserve">   90～99</t>
    <phoneticPr fontId="16"/>
  </si>
  <si>
    <t xml:space="preserve">  100歳以上</t>
    <phoneticPr fontId="16"/>
  </si>
  <si>
    <t>（イ）</t>
    <phoneticPr fontId="16"/>
  </si>
  <si>
    <t xml:space="preserve">     0～ 9歳</t>
    <phoneticPr fontId="16"/>
  </si>
  <si>
    <t>（イ）</t>
    <phoneticPr fontId="16"/>
  </si>
  <si>
    <t xml:space="preserve">   10～19</t>
    <phoneticPr fontId="16"/>
  </si>
  <si>
    <t xml:space="preserve">   50～59</t>
    <phoneticPr fontId="16"/>
  </si>
  <si>
    <t xml:space="preserve">   70～79</t>
    <phoneticPr fontId="16"/>
  </si>
  <si>
    <t xml:space="preserve">   90～99</t>
    <phoneticPr fontId="16"/>
  </si>
  <si>
    <t xml:space="preserve">  100歳以上</t>
    <phoneticPr fontId="16"/>
  </si>
  <si>
    <t>（ア）</t>
    <phoneticPr fontId="16"/>
  </si>
  <si>
    <t>（ア）</t>
    <phoneticPr fontId="16"/>
  </si>
  <si>
    <t>❘</t>
    <phoneticPr fontId="16"/>
  </si>
  <si>
    <t>❘</t>
    <phoneticPr fontId="16"/>
  </si>
  <si>
    <t xml:space="preserve">   10～19</t>
    <phoneticPr fontId="16"/>
  </si>
  <si>
    <t xml:space="preserve">   30～39</t>
    <phoneticPr fontId="16"/>
  </si>
  <si>
    <t xml:space="preserve">   60～69</t>
    <phoneticPr fontId="16"/>
  </si>
  <si>
    <t xml:space="preserve">   70～79</t>
    <phoneticPr fontId="16"/>
  </si>
  <si>
    <t xml:space="preserve">   90～99</t>
    <phoneticPr fontId="16"/>
  </si>
  <si>
    <t>【表15】－4　年齢（10歳階級）別、男女別異動人口〈横須賀三浦地域〉</t>
    <rPh sb="33" eb="34">
      <t>イキ</t>
    </rPh>
    <phoneticPr fontId="16"/>
  </si>
  <si>
    <t>【表15】―４　年齢（10歳階級）別、男女別異動人口〈横須賀三浦地域〉</t>
    <rPh sb="33" eb="34">
      <t>イキ</t>
    </rPh>
    <phoneticPr fontId="16"/>
  </si>
  <si>
    <t>ｂ</t>
    <phoneticPr fontId="16"/>
  </si>
  <si>
    <t xml:space="preserve"> (Ｂ)＝ｃ－ｄ</t>
    <phoneticPr fontId="16"/>
  </si>
  <si>
    <t>総数</t>
    <phoneticPr fontId="16"/>
  </si>
  <si>
    <t xml:space="preserve">     0～ 9歳</t>
    <phoneticPr fontId="16"/>
  </si>
  <si>
    <t xml:space="preserve">   10～19</t>
    <phoneticPr fontId="16"/>
  </si>
  <si>
    <t xml:space="preserve">   20～29</t>
    <phoneticPr fontId="16"/>
  </si>
  <si>
    <t xml:space="preserve">   30～39</t>
    <phoneticPr fontId="16"/>
  </si>
  <si>
    <t xml:space="preserve">   40～49</t>
    <phoneticPr fontId="16"/>
  </si>
  <si>
    <t xml:space="preserve">   70～79</t>
    <phoneticPr fontId="16"/>
  </si>
  <si>
    <t xml:space="preserve">   80～89</t>
    <phoneticPr fontId="16"/>
  </si>
  <si>
    <t xml:space="preserve">  100歳以上</t>
    <phoneticPr fontId="16"/>
  </si>
  <si>
    <t>（イ）</t>
    <phoneticPr fontId="16"/>
  </si>
  <si>
    <t xml:space="preserve">     0～ 9歳</t>
    <phoneticPr fontId="16"/>
  </si>
  <si>
    <t xml:space="preserve">   10～19</t>
    <phoneticPr fontId="16"/>
  </si>
  <si>
    <t xml:space="preserve">   20～29</t>
    <phoneticPr fontId="16"/>
  </si>
  <si>
    <t xml:space="preserve">   30～39</t>
    <phoneticPr fontId="16"/>
  </si>
  <si>
    <t xml:space="preserve">   40～49</t>
    <phoneticPr fontId="16"/>
  </si>
  <si>
    <t xml:space="preserve">   50～59</t>
    <phoneticPr fontId="16"/>
  </si>
  <si>
    <t xml:space="preserve">   60～69</t>
    <phoneticPr fontId="16"/>
  </si>
  <si>
    <t xml:space="preserve">   70～79</t>
    <phoneticPr fontId="16"/>
  </si>
  <si>
    <t xml:space="preserve">   80～89</t>
    <phoneticPr fontId="16"/>
  </si>
  <si>
    <t xml:space="preserve">   90～99</t>
    <phoneticPr fontId="16"/>
  </si>
  <si>
    <t xml:space="preserve">  100歳以上</t>
    <phoneticPr fontId="16"/>
  </si>
  <si>
    <t>（ア）</t>
    <phoneticPr fontId="16"/>
  </si>
  <si>
    <t>❘</t>
    <phoneticPr fontId="16"/>
  </si>
  <si>
    <t>【表15】－5　年齢（10歳階級）別、男女別異動人口〈県央地域〉</t>
    <rPh sb="30" eb="31">
      <t>イキ</t>
    </rPh>
    <phoneticPr fontId="16"/>
  </si>
  <si>
    <t>【表15】―５　年齢（10歳階級）別、男女別異動人口〈県央地域〉</t>
    <rPh sb="30" eb="31">
      <t>イキ</t>
    </rPh>
    <phoneticPr fontId="16"/>
  </si>
  <si>
    <t>死　　亡</t>
    <phoneticPr fontId="16"/>
  </si>
  <si>
    <t>ｂ</t>
    <phoneticPr fontId="16"/>
  </si>
  <si>
    <t xml:space="preserve">   10～19</t>
    <phoneticPr fontId="16"/>
  </si>
  <si>
    <t xml:space="preserve">   20～29</t>
    <phoneticPr fontId="16"/>
  </si>
  <si>
    <t xml:space="preserve">   40～49</t>
    <phoneticPr fontId="16"/>
  </si>
  <si>
    <t xml:space="preserve">   50～59</t>
    <phoneticPr fontId="16"/>
  </si>
  <si>
    <t xml:space="preserve">   60～69</t>
    <phoneticPr fontId="16"/>
  </si>
  <si>
    <t xml:space="preserve">   70～79</t>
    <phoneticPr fontId="16"/>
  </si>
  <si>
    <t xml:space="preserve">   80～89</t>
    <phoneticPr fontId="16"/>
  </si>
  <si>
    <t xml:space="preserve">   90～99</t>
    <phoneticPr fontId="16"/>
  </si>
  <si>
    <t xml:space="preserve">  100歳以上</t>
    <phoneticPr fontId="16"/>
  </si>
  <si>
    <t>（イ）</t>
    <phoneticPr fontId="16"/>
  </si>
  <si>
    <t xml:space="preserve">     0～ 9歳</t>
    <phoneticPr fontId="16"/>
  </si>
  <si>
    <t>（イ）</t>
    <phoneticPr fontId="16"/>
  </si>
  <si>
    <t xml:space="preserve">   10～19</t>
    <phoneticPr fontId="16"/>
  </si>
  <si>
    <t xml:space="preserve">   20～29</t>
    <phoneticPr fontId="16"/>
  </si>
  <si>
    <t xml:space="preserve">   30～39</t>
    <phoneticPr fontId="16"/>
  </si>
  <si>
    <t xml:space="preserve">   40～49</t>
    <phoneticPr fontId="16"/>
  </si>
  <si>
    <t xml:space="preserve">   50～59</t>
    <phoneticPr fontId="16"/>
  </si>
  <si>
    <t xml:space="preserve">   60～69</t>
    <phoneticPr fontId="16"/>
  </si>
  <si>
    <t xml:space="preserve">   70～79</t>
    <phoneticPr fontId="16"/>
  </si>
  <si>
    <t xml:space="preserve">   90～99</t>
    <phoneticPr fontId="16"/>
  </si>
  <si>
    <t>（ア）</t>
    <phoneticPr fontId="16"/>
  </si>
  <si>
    <t>❘</t>
    <phoneticPr fontId="16"/>
  </si>
  <si>
    <t>（イ）</t>
    <phoneticPr fontId="16"/>
  </si>
  <si>
    <t xml:space="preserve">     0～ 9歳</t>
    <phoneticPr fontId="16"/>
  </si>
  <si>
    <t xml:space="preserve">   10～19</t>
    <phoneticPr fontId="16"/>
  </si>
  <si>
    <t xml:space="preserve">   30～39</t>
    <phoneticPr fontId="16"/>
  </si>
  <si>
    <t xml:space="preserve">   40～49</t>
    <phoneticPr fontId="16"/>
  </si>
  <si>
    <t xml:space="preserve">   50～59</t>
    <phoneticPr fontId="16"/>
  </si>
  <si>
    <t xml:space="preserve">   70～79</t>
    <phoneticPr fontId="16"/>
  </si>
  <si>
    <t xml:space="preserve">   90～99</t>
    <phoneticPr fontId="16"/>
  </si>
  <si>
    <t xml:space="preserve">  100歳以上</t>
    <phoneticPr fontId="16"/>
  </si>
  <si>
    <t>【表15】－6　年齢（10歳階級）別、男女別異動人口〈湘南地域〉</t>
    <rPh sb="30" eb="31">
      <t>イキ</t>
    </rPh>
    <phoneticPr fontId="16"/>
  </si>
  <si>
    <t>【表15】―６　年齢（10歳階級）別、男女別異動人口〈湘南地域〉</t>
    <rPh sb="30" eb="31">
      <t>イキ</t>
    </rPh>
    <phoneticPr fontId="16"/>
  </si>
  <si>
    <t>ａ</t>
    <phoneticPr fontId="16"/>
  </si>
  <si>
    <t xml:space="preserve">   50～59</t>
    <phoneticPr fontId="16"/>
  </si>
  <si>
    <t xml:space="preserve">   60～69</t>
    <phoneticPr fontId="16"/>
  </si>
  <si>
    <t xml:space="preserve">   70～79</t>
    <phoneticPr fontId="16"/>
  </si>
  <si>
    <t xml:space="preserve">   80～89</t>
    <phoneticPr fontId="16"/>
  </si>
  <si>
    <t>（イ）</t>
    <phoneticPr fontId="16"/>
  </si>
  <si>
    <t>（イ）</t>
    <phoneticPr fontId="16"/>
  </si>
  <si>
    <t xml:space="preserve">   20～29</t>
    <phoneticPr fontId="16"/>
  </si>
  <si>
    <t xml:space="preserve">   40～49</t>
    <phoneticPr fontId="16"/>
  </si>
  <si>
    <t xml:space="preserve">  100歳以上</t>
    <phoneticPr fontId="16"/>
  </si>
  <si>
    <t>（ア）</t>
    <phoneticPr fontId="16"/>
  </si>
  <si>
    <t>❘</t>
    <phoneticPr fontId="16"/>
  </si>
  <si>
    <t>❘</t>
    <phoneticPr fontId="16"/>
  </si>
  <si>
    <t xml:space="preserve">   30～39</t>
    <phoneticPr fontId="16"/>
  </si>
  <si>
    <t xml:space="preserve">   90～99</t>
    <phoneticPr fontId="16"/>
  </si>
  <si>
    <t>【表15】－7　年齢（10歳階級）別、男女別異動人口〈県西地域〉</t>
    <rPh sb="27" eb="29">
      <t>ケンセイ</t>
    </rPh>
    <rPh sb="30" eb="31">
      <t>イキ</t>
    </rPh>
    <phoneticPr fontId="16"/>
  </si>
  <si>
    <t>【表15】―７　年齢（10歳階級）別、男女別異動人口〈県西地域〉</t>
    <rPh sb="27" eb="29">
      <t>ケンセイ</t>
    </rPh>
    <rPh sb="30" eb="31">
      <t>イキ</t>
    </rPh>
    <phoneticPr fontId="16"/>
  </si>
  <si>
    <t xml:space="preserve">   40～49</t>
    <phoneticPr fontId="16"/>
  </si>
  <si>
    <t xml:space="preserve">   60～69</t>
    <phoneticPr fontId="16"/>
  </si>
  <si>
    <t xml:space="preserve">   70～79</t>
    <phoneticPr fontId="16"/>
  </si>
  <si>
    <t xml:space="preserve">   20～29</t>
    <phoneticPr fontId="16"/>
  </si>
  <si>
    <t xml:space="preserve">   80～89</t>
    <phoneticPr fontId="16"/>
  </si>
  <si>
    <t>❘</t>
    <phoneticPr fontId="16"/>
  </si>
  <si>
    <t xml:space="preserve">     0～ 9歳</t>
    <phoneticPr fontId="16"/>
  </si>
  <si>
    <t xml:space="preserve">   90～99</t>
    <phoneticPr fontId="16"/>
  </si>
  <si>
    <t>【表16】-1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6"/>
  </si>
  <si>
    <t xml:space="preserve">  総数〔出生、死亡、転入、転出〕</t>
    <rPh sb="2" eb="4">
      <t>ソウスウ</t>
    </rPh>
    <rPh sb="5" eb="7">
      <t>シュッショウ</t>
    </rPh>
    <rPh sb="8" eb="10">
      <t>シボウ</t>
    </rPh>
    <rPh sb="11" eb="13">
      <t>テンニュウ</t>
    </rPh>
    <rPh sb="14" eb="16">
      <t>テンシュツ</t>
    </rPh>
    <phoneticPr fontId="16"/>
  </si>
  <si>
    <t>(単位：人)  令和３年中</t>
    <rPh sb="1" eb="3">
      <t>タンイ</t>
    </rPh>
    <rPh sb="4" eb="5">
      <t>ニン</t>
    </rPh>
    <rPh sb="8" eb="10">
      <t>レイワ</t>
    </rPh>
    <phoneticPr fontId="16"/>
  </si>
  <si>
    <t>地域・市区町村</t>
  </si>
  <si>
    <t>出　　生</t>
    <rPh sb="0" eb="4">
      <t>シュッショウ</t>
    </rPh>
    <phoneticPr fontId="16"/>
  </si>
  <si>
    <t>死　　亡</t>
    <phoneticPr fontId="16"/>
  </si>
  <si>
    <t>転　　入</t>
    <phoneticPr fontId="16"/>
  </si>
  <si>
    <t>転　　出</t>
    <phoneticPr fontId="16"/>
  </si>
  <si>
    <t>県　　　　　計</t>
    <phoneticPr fontId="16"/>
  </si>
  <si>
    <t>横浜市</t>
    <rPh sb="0" eb="2">
      <t>ヨコハマシ</t>
    </rPh>
    <phoneticPr fontId="16"/>
  </si>
  <si>
    <t>鶴見区</t>
  </si>
  <si>
    <t>神奈川区</t>
  </si>
  <si>
    <t>西区</t>
  </si>
  <si>
    <t>中区</t>
  </si>
  <si>
    <t>南区</t>
  </si>
  <si>
    <t>保土ケ谷区</t>
    <phoneticPr fontId="16"/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  <rPh sb="0" eb="2">
      <t>カワサキシ</t>
    </rPh>
    <phoneticPr fontId="16"/>
  </si>
  <si>
    <t>川崎区</t>
  </si>
  <si>
    <t>幸区</t>
  </si>
  <si>
    <t>中原区</t>
  </si>
  <si>
    <t>高津区</t>
  </si>
  <si>
    <t>多摩区</t>
  </si>
  <si>
    <t>宮前区</t>
  </si>
  <si>
    <t>麻生区</t>
  </si>
  <si>
    <t>横須賀三浦地域</t>
    <rPh sb="0" eb="3">
      <t>ヨコスカ</t>
    </rPh>
    <rPh sb="3" eb="5">
      <t>ミウラ</t>
    </rPh>
    <rPh sb="5" eb="7">
      <t>チイキ</t>
    </rPh>
    <phoneticPr fontId="16"/>
  </si>
  <si>
    <t>横須賀市</t>
  </si>
  <si>
    <t>鎌倉市</t>
  </si>
  <si>
    <t>逗子市</t>
  </si>
  <si>
    <t>三浦市</t>
  </si>
  <si>
    <t>葉山町</t>
  </si>
  <si>
    <t>県 央 地 域</t>
    <rPh sb="0" eb="1">
      <t>ケン</t>
    </rPh>
    <rPh sb="2" eb="3">
      <t>オウ</t>
    </rPh>
    <rPh sb="4" eb="5">
      <t>チ</t>
    </rPh>
    <rPh sb="6" eb="7">
      <t>イキ</t>
    </rPh>
    <phoneticPr fontId="16"/>
  </si>
  <si>
    <t>　相　模　原　市</t>
    <phoneticPr fontId="16"/>
  </si>
  <si>
    <t>緑区</t>
    <rPh sb="0" eb="2">
      <t>ミドリク</t>
    </rPh>
    <phoneticPr fontId="16"/>
  </si>
  <si>
    <t>中央区</t>
    <rPh sb="0" eb="3">
      <t>チュウオウク</t>
    </rPh>
    <phoneticPr fontId="16"/>
  </si>
  <si>
    <t>南区</t>
    <rPh sb="0" eb="2">
      <t>ミナミク</t>
    </rPh>
    <phoneticPr fontId="16"/>
  </si>
  <si>
    <t>厚木市</t>
  </si>
  <si>
    <t>大和市</t>
  </si>
  <si>
    <t>海老名市</t>
  </si>
  <si>
    <t>座間市</t>
  </si>
  <si>
    <t>綾瀬市</t>
  </si>
  <si>
    <t>愛川町</t>
  </si>
  <si>
    <t>湘　南 地 域</t>
    <rPh sb="0" eb="1">
      <t>ショウ</t>
    </rPh>
    <rPh sb="2" eb="3">
      <t>ミナミ</t>
    </rPh>
    <rPh sb="4" eb="5">
      <t>チ</t>
    </rPh>
    <rPh sb="6" eb="7">
      <t>イキ</t>
    </rPh>
    <phoneticPr fontId="16"/>
  </si>
  <si>
    <t>平塚市</t>
  </si>
  <si>
    <t>茅ヶ崎市</t>
  </si>
  <si>
    <t>秦野市</t>
  </si>
  <si>
    <t>伊勢原市</t>
  </si>
  <si>
    <t>寒川町</t>
  </si>
  <si>
    <t>大磯町</t>
  </si>
  <si>
    <t>二宮町</t>
  </si>
  <si>
    <t>県西地域</t>
    <rPh sb="0" eb="2">
      <t>ケンセイ</t>
    </rPh>
    <rPh sb="2" eb="4">
      <t>チイキ</t>
    </rPh>
    <phoneticPr fontId="16"/>
  </si>
  <si>
    <t>小田原市</t>
  </si>
  <si>
    <t>南足柄市</t>
  </si>
  <si>
    <t>中井町</t>
  </si>
  <si>
    <t>大井町</t>
  </si>
  <si>
    <t>松田町</t>
  </si>
  <si>
    <t>（注）　転入及び転出は、県内市区町村間の移動を含む。</t>
    <rPh sb="1" eb="2">
      <t>チュウ</t>
    </rPh>
    <rPh sb="4" eb="6">
      <t>テンニュウ</t>
    </rPh>
    <rPh sb="6" eb="7">
      <t>オヨ</t>
    </rPh>
    <rPh sb="8" eb="10">
      <t>テンシュツ</t>
    </rPh>
    <rPh sb="12" eb="14">
      <t>ケンナイ</t>
    </rPh>
    <rPh sb="14" eb="18">
      <t>シクチョウソン</t>
    </rPh>
    <rPh sb="18" eb="19">
      <t>カン</t>
    </rPh>
    <rPh sb="20" eb="22">
      <t>イドウ</t>
    </rPh>
    <rPh sb="23" eb="24">
      <t>フク</t>
    </rPh>
    <phoneticPr fontId="16"/>
  </si>
  <si>
    <t>【表16】-2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19">
      <t>ダンジョ</t>
    </rPh>
    <rPh sb="19" eb="20">
      <t>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6"/>
  </si>
  <si>
    <t xml:space="preserve"> 〔死  亡〕</t>
    <rPh sb="2" eb="6">
      <t>シボウ</t>
    </rPh>
    <phoneticPr fontId="16"/>
  </si>
  <si>
    <t>総　　数</t>
    <rPh sb="0" eb="4">
      <t>ソウスウ</t>
    </rPh>
    <phoneticPr fontId="16"/>
  </si>
  <si>
    <t>０～14歳</t>
  </si>
  <si>
    <t>県　　　　　計</t>
    <phoneticPr fontId="16"/>
  </si>
  <si>
    <t>保土ケ谷区</t>
    <phoneticPr fontId="16"/>
  </si>
  <si>
    <t>県央地域</t>
    <rPh sb="0" eb="1">
      <t>ケン</t>
    </rPh>
    <rPh sb="1" eb="2">
      <t>オウ</t>
    </rPh>
    <rPh sb="2" eb="3">
      <t>チク</t>
    </rPh>
    <rPh sb="3" eb="4">
      <t>イキ</t>
    </rPh>
    <phoneticPr fontId="16"/>
  </si>
  <si>
    <t>湘南地域</t>
    <rPh sb="0" eb="1">
      <t>ショウ</t>
    </rPh>
    <rPh sb="1" eb="2">
      <t>ミナミ</t>
    </rPh>
    <rPh sb="2" eb="3">
      <t>チク</t>
    </rPh>
    <rPh sb="3" eb="4">
      <t>イキ</t>
    </rPh>
    <phoneticPr fontId="16"/>
  </si>
  <si>
    <t>県西地域</t>
    <rPh sb="0" eb="2">
      <t>ケンセイ</t>
    </rPh>
    <rPh sb="2" eb="3">
      <t>チク</t>
    </rPh>
    <rPh sb="3" eb="4">
      <t>イキ</t>
    </rPh>
    <phoneticPr fontId="16"/>
  </si>
  <si>
    <t>【表16】-3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6"/>
  </si>
  <si>
    <t xml:space="preserve"> 〔転  入〕</t>
    <rPh sb="2" eb="6">
      <t>テンニュウ</t>
    </rPh>
    <phoneticPr fontId="16"/>
  </si>
  <si>
    <t>県　　　　　計</t>
    <phoneticPr fontId="16"/>
  </si>
  <si>
    <t>保土ケ谷区</t>
    <phoneticPr fontId="16"/>
  </si>
  <si>
    <t>県央地域</t>
    <rPh sb="0" eb="1">
      <t>ケン</t>
    </rPh>
    <rPh sb="1" eb="2">
      <t>オウ</t>
    </rPh>
    <phoneticPr fontId="16"/>
  </si>
  <si>
    <t>湘南地域</t>
    <rPh sb="0" eb="1">
      <t>ショウ</t>
    </rPh>
    <rPh sb="1" eb="2">
      <t>ミナミ</t>
    </rPh>
    <phoneticPr fontId="16"/>
  </si>
  <si>
    <t>県西地域</t>
    <rPh sb="0" eb="2">
      <t>ケンセイ</t>
    </rPh>
    <phoneticPr fontId="16"/>
  </si>
  <si>
    <t>（注）　県内市区町村間の移動を含む。</t>
    <rPh sb="1" eb="2">
      <t>チュウ</t>
    </rPh>
    <rPh sb="4" eb="6">
      <t>ケンナイ</t>
    </rPh>
    <rPh sb="6" eb="10">
      <t>シクチョウソン</t>
    </rPh>
    <rPh sb="10" eb="11">
      <t>カン</t>
    </rPh>
    <rPh sb="12" eb="14">
      <t>イドウ</t>
    </rPh>
    <rPh sb="15" eb="16">
      <t>フク</t>
    </rPh>
    <phoneticPr fontId="16"/>
  </si>
  <si>
    <t>【表16】-4  年齢（３区分）別、男女別異動人口〈神奈川県、地域、市区町村〉</t>
    <rPh sb="1" eb="2">
      <t>ヒョウ</t>
    </rPh>
    <rPh sb="9" eb="11">
      <t>ネンレイ</t>
    </rPh>
    <rPh sb="13" eb="15">
      <t>クブン</t>
    </rPh>
    <rPh sb="16" eb="17">
      <t>ベツ</t>
    </rPh>
    <rPh sb="18" eb="21">
      <t>ダンジョベツ</t>
    </rPh>
    <rPh sb="21" eb="23">
      <t>イドウ</t>
    </rPh>
    <rPh sb="23" eb="25">
      <t>ジンコウ</t>
    </rPh>
    <rPh sb="26" eb="30">
      <t>カナガワケン</t>
    </rPh>
    <rPh sb="34" eb="36">
      <t>シク</t>
    </rPh>
    <rPh sb="36" eb="38">
      <t>チョウソン</t>
    </rPh>
    <phoneticPr fontId="16"/>
  </si>
  <si>
    <t xml:space="preserve"> 〔転  出〕</t>
    <rPh sb="2" eb="6">
      <t>テンシュツ</t>
    </rPh>
    <phoneticPr fontId="16"/>
  </si>
  <si>
    <t>保土ケ谷区</t>
    <phoneticPr fontId="16"/>
  </si>
  <si>
    <t>　</t>
    <phoneticPr fontId="16"/>
  </si>
  <si>
    <t>〈参考資料１〉市区町村別人口及び異動人口</t>
    <rPh sb="1" eb="3">
      <t>サンコウ</t>
    </rPh>
    <rPh sb="3" eb="5">
      <t>シリョウ</t>
    </rPh>
    <rPh sb="7" eb="9">
      <t>シク</t>
    </rPh>
    <rPh sb="9" eb="11">
      <t>チョウソン</t>
    </rPh>
    <rPh sb="11" eb="12">
      <t>ベツ</t>
    </rPh>
    <rPh sb="12" eb="14">
      <t>ジンコウ</t>
    </rPh>
    <rPh sb="14" eb="15">
      <t>オヨ</t>
    </rPh>
    <rPh sb="16" eb="18">
      <t>イドウ</t>
    </rPh>
    <rPh sb="18" eb="20">
      <t>ジンコウ</t>
    </rPh>
    <phoneticPr fontId="2"/>
  </si>
  <si>
    <t>「神奈川県人口統計調査結果報告（令和３年１月～12月）｣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ケッカ</t>
    </rPh>
    <rPh sb="13" eb="15">
      <t>ホウコク</t>
    </rPh>
    <rPh sb="16" eb="18">
      <t>レイワ</t>
    </rPh>
    <rPh sb="19" eb="20">
      <t>ネン</t>
    </rPh>
    <rPh sb="21" eb="22">
      <t>ガツ</t>
    </rPh>
    <rPh sb="25" eb="26">
      <t>ガツ</t>
    </rPh>
    <rPh sb="28" eb="30">
      <t>バッスイ</t>
    </rPh>
    <phoneticPr fontId="2"/>
  </si>
  <si>
    <t>　地域・市区町村</t>
    <rPh sb="4" eb="6">
      <t>シク</t>
    </rPh>
    <rPh sb="6" eb="8">
      <t>チョウソン</t>
    </rPh>
    <phoneticPr fontId="2"/>
  </si>
  <si>
    <t>①＋②</t>
    <phoneticPr fontId="2"/>
  </si>
  <si>
    <t>②</t>
    <phoneticPr fontId="2"/>
  </si>
  <si>
    <t>①</t>
    <phoneticPr fontId="2"/>
  </si>
  <si>
    <t>令和４年</t>
    <rPh sb="0" eb="2">
      <t>レイワ</t>
    </rPh>
    <rPh sb="3" eb="4">
      <t>ネン</t>
    </rPh>
    <phoneticPr fontId="2"/>
  </si>
  <si>
    <t>令和３年中</t>
    <rPh sb="0" eb="2">
      <t>レイワ</t>
    </rPh>
    <rPh sb="3" eb="4">
      <t>ネン</t>
    </rPh>
    <rPh sb="4" eb="5">
      <t>ナカ</t>
    </rPh>
    <phoneticPr fontId="2"/>
  </si>
  <si>
    <t>令和３年</t>
    <rPh sb="0" eb="2">
      <t>レイワ</t>
    </rPh>
    <rPh sb="3" eb="4">
      <t>ネン</t>
    </rPh>
    <phoneticPr fontId="2"/>
  </si>
  <si>
    <t>１月１日現在</t>
    <rPh sb="1" eb="2">
      <t>ツキ</t>
    </rPh>
    <rPh sb="3" eb="4">
      <t>ヒ</t>
    </rPh>
    <rPh sb="4" eb="6">
      <t>ゲンザイ</t>
    </rPh>
    <phoneticPr fontId="2"/>
  </si>
  <si>
    <t>人口増減</t>
    <rPh sb="0" eb="2">
      <t>ジンコウ</t>
    </rPh>
    <rPh sb="2" eb="4">
      <t>ゾウゲン</t>
    </rPh>
    <phoneticPr fontId="2"/>
  </si>
  <si>
    <t>自然増減</t>
    <rPh sb="0" eb="2">
      <t>シゼン</t>
    </rPh>
    <rPh sb="2" eb="3">
      <t>ゾウ</t>
    </rPh>
    <rPh sb="3" eb="4">
      <t>ゲン</t>
    </rPh>
    <phoneticPr fontId="2"/>
  </si>
  <si>
    <t>出　生</t>
    <rPh sb="0" eb="3">
      <t>シュッショウ</t>
    </rPh>
    <phoneticPr fontId="2"/>
  </si>
  <si>
    <t>死　亡</t>
    <rPh sb="0" eb="3">
      <t>シボウ</t>
    </rPh>
    <phoneticPr fontId="2"/>
  </si>
  <si>
    <t>社会増減</t>
    <rPh sb="0" eb="2">
      <t>シャカイ</t>
    </rPh>
    <rPh sb="2" eb="3">
      <t>ゾウ</t>
    </rPh>
    <rPh sb="3" eb="4">
      <t>ゲン</t>
    </rPh>
    <phoneticPr fontId="2"/>
  </si>
  <si>
    <t>転　入</t>
    <rPh sb="0" eb="1">
      <t>テンシュッショウ</t>
    </rPh>
    <rPh sb="2" eb="3">
      <t>ニュウ</t>
    </rPh>
    <phoneticPr fontId="2"/>
  </si>
  <si>
    <t>転　出</t>
    <rPh sb="0" eb="1">
      <t>テン</t>
    </rPh>
    <rPh sb="2" eb="3">
      <t>シボウ</t>
    </rPh>
    <phoneticPr fontId="2"/>
  </si>
  <si>
    <t>1月1日現在</t>
    <rPh sb="1" eb="2">
      <t>ツキ</t>
    </rPh>
    <rPh sb="3" eb="4">
      <t>ヒ</t>
    </rPh>
    <rPh sb="4" eb="6">
      <t>ゲンザイ</t>
    </rPh>
    <phoneticPr fontId="2"/>
  </si>
  <si>
    <t>人　口</t>
    <rPh sb="0" eb="3">
      <t>ジンコウ</t>
    </rPh>
    <phoneticPr fontId="2"/>
  </si>
  <si>
    <t>（Α＋Β）</t>
    <phoneticPr fontId="2"/>
  </si>
  <si>
    <t>（A）=a－b</t>
    <phoneticPr fontId="2"/>
  </si>
  <si>
    <t>a</t>
    <phoneticPr fontId="2"/>
  </si>
  <si>
    <t>b</t>
    <phoneticPr fontId="2"/>
  </si>
  <si>
    <t>（B）=c－d</t>
    <phoneticPr fontId="2"/>
  </si>
  <si>
    <t>c</t>
    <phoneticPr fontId="2"/>
  </si>
  <si>
    <t>d</t>
    <phoneticPr fontId="2"/>
  </si>
  <si>
    <t>県　　　　　計</t>
    <rPh sb="0" eb="1">
      <t>ケンケイ</t>
    </rPh>
    <rPh sb="6" eb="7">
      <t>ケイ</t>
    </rPh>
    <phoneticPr fontId="16"/>
  </si>
  <si>
    <t>横浜市</t>
    <rPh sb="0" eb="1">
      <t>ヨコハマシ</t>
    </rPh>
    <phoneticPr fontId="2"/>
  </si>
  <si>
    <t>保土ケ谷区</t>
    <phoneticPr fontId="2"/>
  </si>
  <si>
    <t>川崎市</t>
    <rPh sb="0" eb="2">
      <t>カワサキシ</t>
    </rPh>
    <phoneticPr fontId="2"/>
  </si>
  <si>
    <t>横須賀三浦 地 域</t>
    <rPh sb="0" eb="3">
      <t>ヨコスカ</t>
    </rPh>
    <rPh sb="3" eb="5">
      <t>ミウラ</t>
    </rPh>
    <rPh sb="6" eb="7">
      <t>チ</t>
    </rPh>
    <rPh sb="8" eb="9">
      <t>イキ</t>
    </rPh>
    <phoneticPr fontId="16"/>
  </si>
  <si>
    <t>県央地域</t>
    <rPh sb="0" eb="1">
      <t>ケン</t>
    </rPh>
    <rPh sb="1" eb="2">
      <t>オウ</t>
    </rPh>
    <rPh sb="2" eb="3">
      <t>チ</t>
    </rPh>
    <rPh sb="3" eb="4">
      <t>イキ</t>
    </rPh>
    <phoneticPr fontId="16"/>
  </si>
  <si>
    <t>　相   模   原   市</t>
    <phoneticPr fontId="2"/>
  </si>
  <si>
    <t>緑区</t>
    <rPh sb="0" eb="1">
      <t>ミドリ</t>
    </rPh>
    <rPh sb="1" eb="2">
      <t>ク</t>
    </rPh>
    <phoneticPr fontId="2"/>
  </si>
  <si>
    <t>中央区</t>
    <rPh sb="0" eb="3">
      <t>チュウオウク</t>
    </rPh>
    <phoneticPr fontId="2"/>
  </si>
  <si>
    <t>南区</t>
    <rPh sb="0" eb="1">
      <t>ミナミ</t>
    </rPh>
    <rPh sb="1" eb="2">
      <t>ク</t>
    </rPh>
    <phoneticPr fontId="2"/>
  </si>
  <si>
    <t>湘南地域</t>
    <rPh sb="0" eb="1">
      <t>ショウ</t>
    </rPh>
    <rPh sb="1" eb="2">
      <t>ミナミ</t>
    </rPh>
    <rPh sb="2" eb="3">
      <t>チ</t>
    </rPh>
    <rPh sb="3" eb="4">
      <t>イキ</t>
    </rPh>
    <phoneticPr fontId="16"/>
  </si>
  <si>
    <t>県 西 地 域</t>
    <rPh sb="0" eb="1">
      <t>ケン</t>
    </rPh>
    <rPh sb="2" eb="3">
      <t>ニシ</t>
    </rPh>
    <rPh sb="4" eb="5">
      <t>チ</t>
    </rPh>
    <rPh sb="6" eb="7">
      <t>イキ</t>
    </rPh>
    <phoneticPr fontId="16"/>
  </si>
  <si>
    <t>　（注）　１　社会増減のうち、正数は転入超過を、負数は転出超過を表している。</t>
    <rPh sb="2" eb="3">
      <t>チュウ</t>
    </rPh>
    <rPh sb="10" eb="11">
      <t>ゲン</t>
    </rPh>
    <phoneticPr fontId="16"/>
  </si>
  <si>
    <t>　</t>
    <phoneticPr fontId="2"/>
  </si>
  <si>
    <t>　　　　　２　転入及び転出は、県内市区町村間の移動を含む。</t>
    <rPh sb="7" eb="9">
      <t>テンニュウ</t>
    </rPh>
    <rPh sb="9" eb="10">
      <t>オヨ</t>
    </rPh>
    <rPh sb="11" eb="13">
      <t>テンシュツ</t>
    </rPh>
    <rPh sb="15" eb="17">
      <t>ケンナイ</t>
    </rPh>
    <rPh sb="17" eb="19">
      <t>シク</t>
    </rPh>
    <rPh sb="19" eb="21">
      <t>チョウソン</t>
    </rPh>
    <rPh sb="21" eb="22">
      <t>カン</t>
    </rPh>
    <rPh sb="23" eb="25">
      <t>イドウ</t>
    </rPh>
    <rPh sb="26" eb="27">
      <t>フク</t>
    </rPh>
    <phoneticPr fontId="16"/>
  </si>
  <si>
    <t xml:space="preserve"> </t>
    <phoneticPr fontId="2"/>
  </si>
  <si>
    <t>&lt;参考資料２&gt;神奈川県年次別人口及び異動人口の推移</t>
    <rPh sb="1" eb="3">
      <t>サンコウ</t>
    </rPh>
    <rPh sb="3" eb="5">
      <t>シリョウ</t>
    </rPh>
    <rPh sb="7" eb="11">
      <t>カナガワケン</t>
    </rPh>
    <rPh sb="11" eb="13">
      <t>ネンジ</t>
    </rPh>
    <rPh sb="13" eb="14">
      <t>ベツ</t>
    </rPh>
    <rPh sb="14" eb="16">
      <t>ジンコウ</t>
    </rPh>
    <rPh sb="16" eb="17">
      <t>オヨ</t>
    </rPh>
    <rPh sb="18" eb="20">
      <t>イドウ</t>
    </rPh>
    <rPh sb="20" eb="22">
      <t>ジンコウ</t>
    </rPh>
    <rPh sb="23" eb="25">
      <t>スイイ</t>
    </rPh>
    <phoneticPr fontId="2"/>
  </si>
  <si>
    <t>「神奈川県人口統計調査結果報告（令和３年１月～12月）」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ケッカ</t>
    </rPh>
    <rPh sb="13" eb="15">
      <t>ホウコク</t>
    </rPh>
    <rPh sb="16" eb="18">
      <t>レイワ</t>
    </rPh>
    <rPh sb="19" eb="20">
      <t>ネン</t>
    </rPh>
    <rPh sb="21" eb="22">
      <t>ガツ</t>
    </rPh>
    <rPh sb="25" eb="26">
      <t>ガツ</t>
    </rPh>
    <rPh sb="28" eb="30">
      <t>バッスイ</t>
    </rPh>
    <phoneticPr fontId="2"/>
  </si>
  <si>
    <t>翌年1月1日現在人口</t>
    <rPh sb="0" eb="2">
      <t>ヨクネン</t>
    </rPh>
    <rPh sb="3" eb="4">
      <t>ガツ</t>
    </rPh>
    <rPh sb="5" eb="6">
      <t>ニチ</t>
    </rPh>
    <rPh sb="6" eb="8">
      <t>ゲンザイ</t>
    </rPh>
    <rPh sb="8" eb="10">
      <t>ジンコウ</t>
    </rPh>
    <phoneticPr fontId="2"/>
  </si>
  <si>
    <t>異動人口</t>
    <rPh sb="0" eb="2">
      <t>イドウ</t>
    </rPh>
    <rPh sb="2" eb="4">
      <t>ジンコ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対象期間</t>
    <rPh sb="0" eb="2">
      <t>タイショウ</t>
    </rPh>
    <rPh sb="2" eb="4">
      <t>キカン</t>
    </rPh>
    <phoneticPr fontId="2"/>
  </si>
  <si>
    <t>自然増減</t>
    <rPh sb="0" eb="3">
      <t>シゼンゾウ</t>
    </rPh>
    <rPh sb="3" eb="4">
      <t>ゲン</t>
    </rPh>
    <phoneticPr fontId="2"/>
  </si>
  <si>
    <t>出  生</t>
    <rPh sb="0" eb="1">
      <t>デ</t>
    </rPh>
    <rPh sb="3" eb="4">
      <t>ショウ</t>
    </rPh>
    <phoneticPr fontId="2"/>
  </si>
  <si>
    <t>死  亡</t>
    <rPh sb="0" eb="1">
      <t>シ</t>
    </rPh>
    <rPh sb="3" eb="4">
      <t>ボウ</t>
    </rPh>
    <phoneticPr fontId="2"/>
  </si>
  <si>
    <t>転  入</t>
    <rPh sb="0" eb="1">
      <t>テン</t>
    </rPh>
    <rPh sb="3" eb="4">
      <t>イリ</t>
    </rPh>
    <phoneticPr fontId="2"/>
  </si>
  <si>
    <t>転  出</t>
    <rPh sb="0" eb="1">
      <t>テン</t>
    </rPh>
    <rPh sb="3" eb="4">
      <t>デ</t>
    </rPh>
    <phoneticPr fontId="2"/>
  </si>
  <si>
    <t>（A+B）</t>
    <phoneticPr fontId="2"/>
  </si>
  <si>
    <t>(A)=a-b</t>
    <phoneticPr fontId="2"/>
  </si>
  <si>
    <t>a</t>
    <phoneticPr fontId="2"/>
  </si>
  <si>
    <t>(B)=c-d</t>
    <phoneticPr fontId="2"/>
  </si>
  <si>
    <t>c</t>
    <phoneticPr fontId="2"/>
  </si>
  <si>
    <t>d</t>
    <phoneticPr fontId="2"/>
  </si>
  <si>
    <t>２(2020)</t>
    <phoneticPr fontId="2"/>
  </si>
  <si>
    <t>平成31・令和元</t>
    <rPh sb="0" eb="2">
      <t>ヘイセイ</t>
    </rPh>
    <rPh sb="5" eb="7">
      <t>レイワ</t>
    </rPh>
    <rPh sb="7" eb="8">
      <t>モト</t>
    </rPh>
    <phoneticPr fontId="2"/>
  </si>
  <si>
    <t>平成31</t>
    <rPh sb="0" eb="2">
      <t>ヘイセイ</t>
    </rPh>
    <phoneticPr fontId="2"/>
  </si>
  <si>
    <t>27(2015)</t>
  </si>
  <si>
    <t>22(2010)</t>
  </si>
  <si>
    <t>17(2005)</t>
  </si>
  <si>
    <t>12(2000)</t>
  </si>
  <si>
    <t>９</t>
  </si>
  <si>
    <t>８</t>
  </si>
  <si>
    <t>７(1995)</t>
  </si>
  <si>
    <t>７</t>
  </si>
  <si>
    <t>６</t>
  </si>
  <si>
    <t>５</t>
  </si>
  <si>
    <t>４</t>
  </si>
  <si>
    <t>３</t>
  </si>
  <si>
    <t>２(1990)</t>
  </si>
  <si>
    <t>２</t>
  </si>
  <si>
    <t>元</t>
    <rPh sb="0" eb="1">
      <t>ゲン</t>
    </rPh>
    <phoneticPr fontId="2"/>
  </si>
  <si>
    <t>昭和63</t>
    <rPh sb="0" eb="2">
      <t>ショウワ</t>
    </rPh>
    <phoneticPr fontId="2"/>
  </si>
  <si>
    <t>60(1985)</t>
  </si>
  <si>
    <t>55(1980)</t>
  </si>
  <si>
    <t>50(1975)</t>
  </si>
  <si>
    <t>45(1970)</t>
  </si>
  <si>
    <t>　（注）　１　社会増減のうち、正数は転入超過を、負数は転出超過を表している。</t>
    <rPh sb="2" eb="3">
      <t>チュウ</t>
    </rPh>
    <phoneticPr fontId="2"/>
  </si>
  <si>
    <t xml:space="preserve">　　　　　２　転入及び転出は、県内市区町村間の移動を含む。   </t>
    <phoneticPr fontId="2"/>
  </si>
  <si>
    <t>(単位：人)  令和３年中</t>
  </si>
  <si>
    <t>【表11】－1　〔男女計〕年齢（３区分）別人口、対前年増減数、対前年増減率、年齢（３区分）別人口構成比、平均年齢及び老年化指数〈神奈川県、地域、市区町村〉</t>
    <rPh sb="9" eb="12">
      <t>ダンジョケイ</t>
    </rPh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phoneticPr fontId="16"/>
  </si>
  <si>
    <t>【表11】－2　〔　男　〕年齢（３区分）別人口、対前年増減数、対前年増減率、年齢（３区分）別人口構成比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phoneticPr fontId="16"/>
  </si>
  <si>
    <t>【表11】－3　〔　女　〕年齢（３区分）別人口、対前年増減数、対前年増減率、年齢（３区分）別人口構成比、平均年齢及び老年化指数〈神奈川県、地域、市区町村〉</t>
    <rPh sb="10" eb="11">
      <t>オンナ</t>
    </rPh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phoneticPr fontId="16"/>
  </si>
  <si>
    <r>
      <t>総</t>
    </r>
    <r>
      <rPr>
        <sz val="11"/>
        <rFont val="ＭＳ Ｐ明朝"/>
        <family val="1"/>
        <charset val="128"/>
      </rPr>
      <t xml:space="preserve"> 　　数</t>
    </r>
    <rPh sb="0" eb="1">
      <t>フサ</t>
    </rPh>
    <rPh sb="4" eb="5">
      <t>カズ</t>
    </rPh>
    <phoneticPr fontId="2"/>
  </si>
  <si>
    <r>
      <t>　　 　</t>
    </r>
    <r>
      <rPr>
        <sz val="11"/>
        <rFont val="ＭＳ Ｐ明朝"/>
        <family val="1"/>
        <charset val="128"/>
      </rPr>
      <t xml:space="preserve"> 0～9歳</t>
    </r>
    <rPh sb="8" eb="9">
      <t>サイ</t>
    </rPh>
    <phoneticPr fontId="2"/>
  </si>
  <si>
    <r>
      <t xml:space="preserve">　　   </t>
    </r>
    <r>
      <rPr>
        <sz val="11"/>
        <rFont val="ＭＳ Ｐ明朝"/>
        <family val="1"/>
        <charset val="128"/>
      </rPr>
      <t xml:space="preserve"> 0～9歳</t>
    </r>
    <rPh sb="9" eb="10">
      <t>サイ</t>
    </rPh>
    <phoneticPr fontId="2"/>
  </si>
  <si>
    <r>
      <t xml:space="preserve">　　 </t>
    </r>
    <r>
      <rPr>
        <sz val="11"/>
        <rFont val="ＭＳ Ｐ明朝"/>
        <family val="1"/>
        <charset val="128"/>
      </rPr>
      <t xml:space="preserve">   0～9歳</t>
    </r>
    <rPh sb="9" eb="10">
      <t>サイ</t>
    </rPh>
    <phoneticPr fontId="2"/>
  </si>
  <si>
    <t>　　　　　２　社会増減のうち、正数は転入超過を、負数は転出超過を表している。</t>
    <phoneticPr fontId="16"/>
  </si>
  <si>
    <t>　　　　　２　社会増減のうち、正数は転入超過を、負数は転出超過を表している。</t>
    <phoneticPr fontId="16"/>
  </si>
  <si>
    <t>　　　　　３　転入及び転出は、県内市区町村間の移動を含む。</t>
    <phoneticPr fontId="1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176" formatCode="#,##0_);[Red]\(#,##0\)"/>
    <numFmt numFmtId="177" formatCode="0.0_ "/>
    <numFmt numFmtId="178" formatCode="#,##0.0;\-#,##0.0"/>
    <numFmt numFmtId="179" formatCode="0.0_);[Red]\(0.0\)"/>
    <numFmt numFmtId="180" formatCode="0.0"/>
    <numFmt numFmtId="181" formatCode="#,##0_ "/>
    <numFmt numFmtId="182" formatCode="#,##0.0_ "/>
    <numFmt numFmtId="183" formatCode="0.00_ "/>
    <numFmt numFmtId="184" formatCode="#,##0.0\ ;\-#,##0.0\ "/>
    <numFmt numFmtId="185" formatCode="0.00_);[Red]\(0.00\)"/>
    <numFmt numFmtId="186" formatCode="#,##0.0_)"/>
    <numFmt numFmtId="187" formatCode="\(0.0\)"/>
  </numFmts>
  <fonts count="5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name val="ＭＳ Ｐ明朝"/>
      <family val="1"/>
      <charset val="128"/>
    </font>
    <font>
      <sz val="11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8"/>
      <name val="ＭＳ Ｐ明朝"/>
      <family val="1"/>
      <charset val="128"/>
    </font>
    <font>
      <sz val="10"/>
      <color theme="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0"/>
      <name val="ＭＳ Ｐ明朝"/>
      <family val="1"/>
      <charset val="128"/>
    </font>
    <font>
      <sz val="11"/>
      <name val="明朝"/>
      <family val="1"/>
      <charset val="128"/>
    </font>
    <font>
      <sz val="12"/>
      <name val="ＭＳ Ｐ明朝"/>
      <family val="1"/>
      <charset val="128"/>
    </font>
    <font>
      <sz val="11"/>
      <color indexed="10"/>
      <name val="ＭＳ Ｐ明朝"/>
      <family val="1"/>
      <charset val="128"/>
    </font>
    <font>
      <sz val="6"/>
      <name val="ＭＳ Ｐ明朝"/>
      <family val="1"/>
      <charset val="128"/>
    </font>
    <font>
      <b/>
      <sz val="14"/>
      <name val="ＭＳ Ｐ明朝"/>
      <family val="1"/>
      <charset val="128"/>
    </font>
    <font>
      <sz val="6"/>
      <name val="明朝"/>
      <family val="1"/>
      <charset val="128"/>
    </font>
    <font>
      <sz val="12"/>
      <color indexed="10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HGPｺﾞｼｯｸE"/>
      <family val="3"/>
      <charset val="128"/>
    </font>
    <font>
      <sz val="12"/>
      <name val="明朝"/>
      <family val="1"/>
      <charset val="128"/>
    </font>
    <font>
      <sz val="11"/>
      <color theme="1"/>
      <name val="ＭＳ Ｐ明朝"/>
      <family val="1"/>
      <charset val="128"/>
    </font>
    <font>
      <b/>
      <i/>
      <sz val="11"/>
      <color rgb="FFFF0000"/>
      <name val="ＭＳ Ｐ明朝"/>
      <family val="1"/>
      <charset val="128"/>
    </font>
    <font>
      <b/>
      <i/>
      <sz val="11"/>
      <name val="ＭＳ Ｐ明朝"/>
      <family val="1"/>
      <charset val="128"/>
    </font>
    <font>
      <b/>
      <sz val="9"/>
      <name val="ＭＳ Ｐ明朝"/>
      <family val="1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sz val="10"/>
      <name val="明朝"/>
      <family val="1"/>
      <charset val="128"/>
    </font>
    <font>
      <sz val="8"/>
      <name val="ＭＳ 明朝"/>
      <family val="1"/>
      <charset val="128"/>
    </font>
    <font>
      <sz val="8"/>
      <name val="明朝"/>
      <family val="1"/>
      <charset val="128"/>
    </font>
    <font>
      <b/>
      <sz val="9.5"/>
      <name val="ＭＳ ゴシック"/>
      <family val="3"/>
      <charset val="128"/>
    </font>
    <font>
      <sz val="9.5"/>
      <name val="ＭＳ 明朝"/>
      <family val="1"/>
      <charset val="128"/>
    </font>
    <font>
      <b/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color rgb="FFFF0000"/>
      <name val="ＭＳ Ｐ明朝"/>
      <family val="1"/>
      <charset val="128"/>
    </font>
    <font>
      <sz val="11"/>
      <name val="ＭＳ ゴシック"/>
      <family val="3"/>
      <charset val="128"/>
    </font>
    <font>
      <sz val="9"/>
      <name val="明朝"/>
      <family val="1"/>
      <charset val="128"/>
    </font>
    <font>
      <b/>
      <sz val="12"/>
      <name val="ＭＳ Ｐゴシック"/>
      <family val="3"/>
      <charset val="128"/>
      <scheme val="minor"/>
    </font>
    <font>
      <b/>
      <sz val="11"/>
      <name val="ｺﾞｼｯｸ"/>
      <family val="3"/>
      <charset val="128"/>
    </font>
    <font>
      <sz val="9"/>
      <name val="ｺﾞｼｯｸ"/>
      <family val="3"/>
      <charset val="128"/>
    </font>
    <font>
      <sz val="9"/>
      <name val="ＭＳ ゴシック"/>
      <family val="3"/>
      <charset val="128"/>
    </font>
    <font>
      <b/>
      <sz val="10.5"/>
      <name val="ＭＳ Ｐ明朝"/>
      <family val="1"/>
      <charset val="128"/>
    </font>
    <font>
      <sz val="10.5"/>
      <name val="ＭＳ Ｐ明朝"/>
      <family val="1"/>
      <charset val="128"/>
    </font>
    <font>
      <b/>
      <sz val="9"/>
      <name val="ＭＳ ゴシック"/>
      <family val="3"/>
      <charset val="128"/>
    </font>
    <font>
      <b/>
      <sz val="14"/>
      <name val="ＭＳ Ｐゴシック"/>
      <family val="3"/>
      <charset val="128"/>
    </font>
    <font>
      <b/>
      <sz val="14"/>
      <name val="ＭＳ Ｐゴシック"/>
      <family val="3"/>
      <charset val="128"/>
      <scheme val="minor"/>
    </font>
    <font>
      <sz val="11"/>
      <name val="ｺﾞｼｯｸ"/>
      <family val="3"/>
      <charset val="128"/>
    </font>
    <font>
      <b/>
      <sz val="10"/>
      <name val="明朝"/>
      <family val="1"/>
      <charset val="128"/>
    </font>
    <font>
      <sz val="10.5"/>
      <name val="明朝"/>
      <family val="1"/>
      <charset val="128"/>
    </font>
    <font>
      <sz val="12"/>
      <name val="ｺﾞｼｯｸ"/>
      <family val="3"/>
      <charset val="128"/>
    </font>
    <font>
      <b/>
      <sz val="12"/>
      <name val="HGｺﾞｼｯｸM"/>
      <family val="3"/>
      <charset val="128"/>
    </font>
    <font>
      <b/>
      <sz val="11"/>
      <name val="ＭＳ Ｐゴシック"/>
      <family val="3"/>
      <charset val="128"/>
    </font>
    <font>
      <sz val="14"/>
      <name val="明朝"/>
      <family val="1"/>
      <charset val="128"/>
    </font>
    <font>
      <b/>
      <sz val="11"/>
      <name val="ＭＳ Ｐゴシック"/>
      <family val="3"/>
      <charset val="128"/>
      <scheme val="minor"/>
    </font>
    <font>
      <sz val="7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uble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</borders>
  <cellStyleXfs count="9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3" fillId="0" borderId="0"/>
    <xf numFmtId="0" fontId="13" fillId="0" borderId="0"/>
    <xf numFmtId="38" fontId="13" fillId="0" borderId="0" applyFont="0" applyFill="0" applyBorder="0" applyAlignment="0" applyProtection="0"/>
    <xf numFmtId="0" fontId="36" fillId="0" borderId="0">
      <alignment vertical="center"/>
    </xf>
    <xf numFmtId="0" fontId="13" fillId="0" borderId="0"/>
    <xf numFmtId="0" fontId="1" fillId="0" borderId="0"/>
  </cellStyleXfs>
  <cellXfs count="1179">
    <xf numFmtId="0" fontId="0" fillId="0" borderId="0" xfId="0"/>
    <xf numFmtId="0" fontId="3" fillId="0" borderId="0" xfId="0" applyFont="1" applyFill="1"/>
    <xf numFmtId="0" fontId="4" fillId="0" borderId="0" xfId="0" applyFont="1" applyFill="1"/>
    <xf numFmtId="0" fontId="5" fillId="0" borderId="0" xfId="0" applyFont="1" applyFill="1"/>
    <xf numFmtId="0" fontId="6" fillId="0" borderId="1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 textRotation="255"/>
    </xf>
    <xf numFmtId="0" fontId="7" fillId="0" borderId="0" xfId="0" applyFont="1" applyFill="1" applyBorder="1"/>
    <xf numFmtId="0" fontId="6" fillId="0" borderId="9" xfId="0" applyFont="1" applyFill="1" applyBorder="1" applyAlignment="1">
      <alignment horizontal="right"/>
    </xf>
    <xf numFmtId="0" fontId="6" fillId="0" borderId="0" xfId="0" applyFont="1" applyFill="1" applyBorder="1" applyAlignment="1">
      <alignment horizontal="right"/>
    </xf>
    <xf numFmtId="0" fontId="3" fillId="0" borderId="0" xfId="0" applyFont="1" applyFill="1" applyBorder="1" applyAlignment="1">
      <alignment horizontal="right" vertical="center"/>
    </xf>
    <xf numFmtId="0" fontId="7" fillId="0" borderId="0" xfId="0" applyFont="1" applyFill="1" applyBorder="1" applyAlignment="1"/>
    <xf numFmtId="176" fontId="3" fillId="0" borderId="9" xfId="0" applyNumberFormat="1" applyFont="1" applyFill="1" applyBorder="1"/>
    <xf numFmtId="176" fontId="3" fillId="0" borderId="0" xfId="0" applyNumberFormat="1" applyFont="1" applyFill="1" applyBorder="1"/>
    <xf numFmtId="176" fontId="3" fillId="0" borderId="0" xfId="0" applyNumberFormat="1" applyFont="1" applyFill="1"/>
    <xf numFmtId="0" fontId="3" fillId="0" borderId="4" xfId="0" applyFont="1" applyFill="1" applyBorder="1" applyAlignment="1">
      <alignment horizontal="center" vertical="center" textRotation="255"/>
    </xf>
    <xf numFmtId="0" fontId="7" fillId="0" borderId="11" xfId="0" applyFont="1" applyFill="1" applyBorder="1"/>
    <xf numFmtId="0" fontId="3" fillId="0" borderId="8" xfId="0" applyFont="1" applyFill="1" applyBorder="1" applyAlignment="1">
      <alignment horizontal="right"/>
    </xf>
    <xf numFmtId="0" fontId="6" fillId="0" borderId="11" xfId="0" applyFont="1" applyFill="1" applyBorder="1" applyAlignment="1">
      <alignment horizontal="right"/>
    </xf>
    <xf numFmtId="0" fontId="6" fillId="0" borderId="8" xfId="0" applyFont="1" applyFill="1" applyBorder="1" applyAlignment="1">
      <alignment horizontal="right"/>
    </xf>
    <xf numFmtId="177" fontId="3" fillId="0" borderId="9" xfId="0" applyNumberFormat="1" applyFont="1" applyFill="1" applyBorder="1" applyAlignment="1">
      <alignment horizontal="right"/>
    </xf>
    <xf numFmtId="177" fontId="3" fillId="0" borderId="0" xfId="0" applyNumberFormat="1" applyFont="1" applyFill="1"/>
    <xf numFmtId="0" fontId="3" fillId="0" borderId="14" xfId="0" applyFont="1" applyFill="1" applyBorder="1" applyAlignment="1">
      <alignment horizontal="center" vertical="center" textRotation="255"/>
    </xf>
    <xf numFmtId="0" fontId="3" fillId="0" borderId="15" xfId="0" applyFont="1" applyFill="1" applyBorder="1" applyAlignment="1">
      <alignment vertical="top" textRotation="255"/>
    </xf>
    <xf numFmtId="0" fontId="7" fillId="0" borderId="1" xfId="0" applyFont="1" applyFill="1" applyBorder="1"/>
    <xf numFmtId="0" fontId="6" fillId="0" borderId="3" xfId="0" applyFont="1" applyFill="1" applyBorder="1" applyAlignment="1">
      <alignment horizontal="right"/>
    </xf>
    <xf numFmtId="0" fontId="6" fillId="0" borderId="15" xfId="0" applyFont="1" applyFill="1" applyBorder="1" applyAlignment="1">
      <alignment horizontal="right"/>
    </xf>
    <xf numFmtId="176" fontId="3" fillId="0" borderId="0" xfId="1" applyNumberFormat="1" applyFont="1" applyFill="1" applyBorder="1"/>
    <xf numFmtId="0" fontId="3" fillId="0" borderId="0" xfId="0" applyFont="1" applyFill="1" applyAlignment="1">
      <alignment horizontal="center"/>
    </xf>
    <xf numFmtId="0" fontId="3" fillId="0" borderId="0" xfId="0" applyFont="1" applyFill="1" applyBorder="1" applyAlignment="1">
      <alignment vertical="top" textRotation="255"/>
    </xf>
    <xf numFmtId="177" fontId="3" fillId="0" borderId="0" xfId="0" applyNumberFormat="1" applyFont="1" applyFill="1" applyBorder="1"/>
    <xf numFmtId="177" fontId="3" fillId="0" borderId="9" xfId="0" applyNumberFormat="1" applyFont="1" applyFill="1" applyBorder="1"/>
    <xf numFmtId="177" fontId="3" fillId="0" borderId="16" xfId="0" applyNumberFormat="1" applyFont="1" applyFill="1" applyBorder="1"/>
    <xf numFmtId="0" fontId="3" fillId="0" borderId="1" xfId="0" applyFont="1" applyFill="1" applyBorder="1" applyAlignment="1">
      <alignment horizontal="center" vertical="center" textRotation="255"/>
    </xf>
    <xf numFmtId="0" fontId="3" fillId="0" borderId="1" xfId="0" applyFont="1" applyFill="1" applyBorder="1" applyAlignment="1">
      <alignment vertical="top" textRotation="255"/>
    </xf>
    <xf numFmtId="0" fontId="3" fillId="0" borderId="1" xfId="0" applyFont="1" applyFill="1" applyBorder="1"/>
    <xf numFmtId="177" fontId="3" fillId="0" borderId="1" xfId="0" applyNumberFormat="1" applyFont="1" applyFill="1" applyBorder="1"/>
    <xf numFmtId="0" fontId="6" fillId="0" borderId="0" xfId="3" applyFont="1" applyFill="1" applyAlignment="1">
      <alignment vertical="center"/>
    </xf>
    <xf numFmtId="0" fontId="6" fillId="0" borderId="0" xfId="0" applyFont="1" applyFill="1" applyAlignment="1">
      <alignment wrapText="1"/>
    </xf>
    <xf numFmtId="0" fontId="3" fillId="0" borderId="0" xfId="0" applyFont="1" applyFill="1" applyBorder="1"/>
    <xf numFmtId="0" fontId="6" fillId="0" borderId="0" xfId="0" applyFont="1" applyFill="1" applyAlignment="1"/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/>
    <xf numFmtId="0" fontId="6" fillId="0" borderId="0" xfId="0" applyFont="1" applyFill="1" applyAlignment="1">
      <alignment vertical="center"/>
    </xf>
    <xf numFmtId="0" fontId="3" fillId="0" borderId="0" xfId="0" applyFont="1" applyFill="1" applyBorder="1" applyAlignment="1">
      <alignment wrapText="1"/>
    </xf>
    <xf numFmtId="0" fontId="6" fillId="0" borderId="19" xfId="0" applyFont="1" applyFill="1" applyBorder="1" applyAlignment="1">
      <alignment horizontal="center" vertical="center"/>
    </xf>
    <xf numFmtId="0" fontId="7" fillId="0" borderId="7" xfId="0" applyFont="1" applyFill="1" applyBorder="1" applyAlignment="1"/>
    <xf numFmtId="0" fontId="7" fillId="0" borderId="10" xfId="0" applyFont="1" applyFill="1" applyBorder="1" applyAlignment="1"/>
    <xf numFmtId="0" fontId="10" fillId="0" borderId="0" xfId="0" applyFont="1" applyFill="1" applyAlignment="1">
      <alignment horizontal="center" vertical="center"/>
    </xf>
    <xf numFmtId="0" fontId="10" fillId="0" borderId="0" xfId="0" applyFont="1" applyFill="1" applyAlignment="1">
      <alignment horizontal="left" vertical="center" indent="1"/>
    </xf>
    <xf numFmtId="0" fontId="10" fillId="0" borderId="0" xfId="0" applyFont="1" applyFill="1" applyBorder="1" applyAlignment="1">
      <alignment horizontal="center"/>
    </xf>
    <xf numFmtId="0" fontId="10" fillId="0" borderId="0" xfId="0" applyFont="1" applyFill="1"/>
    <xf numFmtId="0" fontId="6" fillId="0" borderId="0" xfId="3" applyFont="1" applyFill="1" applyBorder="1" applyAlignment="1">
      <alignment horizontal="center" vertical="center"/>
    </xf>
    <xf numFmtId="0" fontId="6" fillId="0" borderId="20" xfId="3" applyFont="1" applyFill="1" applyBorder="1" applyAlignment="1">
      <alignment horizontal="center" vertical="center"/>
    </xf>
    <xf numFmtId="0" fontId="6" fillId="0" borderId="8" xfId="3" applyFont="1" applyFill="1" applyBorder="1" applyAlignment="1">
      <alignment horizontal="right" vertical="center"/>
    </xf>
    <xf numFmtId="0" fontId="6" fillId="0" borderId="11" xfId="3" applyFont="1" applyFill="1" applyBorder="1" applyAlignment="1">
      <alignment horizontal="right" vertical="center"/>
    </xf>
    <xf numFmtId="0" fontId="6" fillId="0" borderId="20" xfId="3" applyFont="1" applyFill="1" applyBorder="1" applyAlignment="1">
      <alignment horizontal="right" vertical="center"/>
    </xf>
    <xf numFmtId="0" fontId="6" fillId="0" borderId="0" xfId="3" applyFont="1" applyFill="1" applyBorder="1" applyAlignment="1">
      <alignment vertical="center"/>
    </xf>
    <xf numFmtId="0" fontId="3" fillId="0" borderId="0" xfId="3" applyFont="1" applyFill="1"/>
    <xf numFmtId="0" fontId="5" fillId="0" borderId="21" xfId="4" applyFont="1" applyFill="1" applyBorder="1" applyAlignment="1">
      <alignment horizontal="centerContinuous"/>
    </xf>
    <xf numFmtId="0" fontId="6" fillId="0" borderId="19" xfId="4" applyFont="1" applyFill="1" applyBorder="1" applyAlignment="1">
      <alignment horizontal="center" vertical="center"/>
    </xf>
    <xf numFmtId="0" fontId="6" fillId="0" borderId="24" xfId="4" applyFont="1" applyFill="1" applyBorder="1" applyAlignment="1">
      <alignment horizontal="center" vertical="center" wrapText="1"/>
    </xf>
    <xf numFmtId="0" fontId="6" fillId="0" borderId="4" xfId="4" applyFont="1" applyFill="1" applyBorder="1" applyAlignment="1">
      <alignment horizontal="center" vertical="center"/>
    </xf>
    <xf numFmtId="0" fontId="3" fillId="0" borderId="0" xfId="4" applyFont="1" applyFill="1" applyBorder="1" applyAlignment="1">
      <alignment horizontal="center" vertical="center"/>
    </xf>
    <xf numFmtId="177" fontId="3" fillId="0" borderId="9" xfId="4" applyNumberFormat="1" applyFont="1" applyFill="1" applyBorder="1"/>
    <xf numFmtId="181" fontId="3" fillId="0" borderId="9" xfId="4" quotePrefix="1" applyNumberFormat="1" applyFont="1" applyFill="1" applyBorder="1" applyAlignment="1">
      <alignment horizontal="right"/>
    </xf>
    <xf numFmtId="181" fontId="3" fillId="0" borderId="0" xfId="4" quotePrefix="1" applyNumberFormat="1" applyFont="1" applyFill="1" applyBorder="1" applyAlignment="1">
      <alignment horizontal="right"/>
    </xf>
    <xf numFmtId="177" fontId="3" fillId="0" borderId="0" xfId="4" applyNumberFormat="1" applyFont="1" applyFill="1" applyBorder="1"/>
    <xf numFmtId="177" fontId="3" fillId="0" borderId="0" xfId="4" applyNumberFormat="1" applyFont="1" applyFill="1" applyBorder="1" applyAlignment="1">
      <alignment vertical="top"/>
    </xf>
    <xf numFmtId="181" fontId="3" fillId="0" borderId="0" xfId="4" applyNumberFormat="1" applyFont="1" applyFill="1" applyBorder="1"/>
    <xf numFmtId="177" fontId="3" fillId="0" borderId="8" xfId="4" applyNumberFormat="1" applyFont="1" applyFill="1" applyBorder="1"/>
    <xf numFmtId="0" fontId="3" fillId="0" borderId="21" xfId="4" applyFont="1" applyFill="1" applyBorder="1" applyAlignment="1">
      <alignment horizontal="center"/>
    </xf>
    <xf numFmtId="181" fontId="3" fillId="0" borderId="14" xfId="4" applyNumberFormat="1" applyFont="1" applyFill="1" applyBorder="1" applyAlignment="1">
      <alignment horizontal="right"/>
    </xf>
    <xf numFmtId="177" fontId="3" fillId="0" borderId="14" xfId="4" applyNumberFormat="1" applyFont="1" applyFill="1" applyBorder="1"/>
    <xf numFmtId="177" fontId="3" fillId="0" borderId="13" xfId="4" applyNumberFormat="1" applyFont="1" applyFill="1" applyBorder="1"/>
    <xf numFmtId="177" fontId="3" fillId="0" borderId="21" xfId="4" applyNumberFormat="1" applyFont="1" applyFill="1" applyBorder="1"/>
    <xf numFmtId="179" fontId="3" fillId="0" borderId="14" xfId="4" applyNumberFormat="1" applyFont="1" applyFill="1" applyBorder="1"/>
    <xf numFmtId="0" fontId="3" fillId="0" borderId="0" xfId="4" applyFont="1" applyFill="1"/>
    <xf numFmtId="0" fontId="5" fillId="0" borderId="0" xfId="4" applyFont="1" applyFill="1"/>
    <xf numFmtId="0" fontId="3" fillId="0" borderId="0" xfId="4" applyFont="1" applyFill="1" applyBorder="1" applyAlignment="1">
      <alignment horizontal="center"/>
    </xf>
    <xf numFmtId="181" fontId="3" fillId="0" borderId="0" xfId="4" applyNumberFormat="1" applyFont="1" applyFill="1" applyBorder="1" applyAlignment="1">
      <alignment horizontal="right"/>
    </xf>
    <xf numFmtId="179" fontId="3" fillId="0" borderId="0" xfId="4" applyNumberFormat="1" applyFont="1" applyFill="1" applyBorder="1"/>
    <xf numFmtId="181" fontId="5" fillId="0" borderId="0" xfId="4" applyNumberFormat="1" applyFont="1" applyFill="1"/>
    <xf numFmtId="0" fontId="5" fillId="0" borderId="0" xfId="4" applyFont="1" applyFill="1" applyAlignment="1">
      <alignment horizontal="centerContinuous"/>
    </xf>
    <xf numFmtId="0" fontId="3" fillId="0" borderId="22" xfId="4" applyFont="1" applyFill="1" applyBorder="1" applyAlignment="1">
      <alignment horizontal="center" vertical="center"/>
    </xf>
    <xf numFmtId="0" fontId="3" fillId="0" borderId="0" xfId="4" applyFont="1" applyFill="1" applyBorder="1" applyAlignment="1">
      <alignment horizontal="right"/>
    </xf>
    <xf numFmtId="183" fontId="3" fillId="0" borderId="9" xfId="4" applyNumberFormat="1" applyFont="1" applyFill="1" applyBorder="1"/>
    <xf numFmtId="183" fontId="3" fillId="0" borderId="0" xfId="4" applyNumberFormat="1" applyFont="1" applyFill="1" applyBorder="1"/>
    <xf numFmtId="0" fontId="3" fillId="0" borderId="12" xfId="4" applyFont="1" applyFill="1" applyBorder="1" applyAlignment="1">
      <alignment horizontal="center"/>
    </xf>
    <xf numFmtId="181" fontId="3" fillId="0" borderId="13" xfId="4" applyNumberFormat="1" applyFont="1" applyFill="1" applyBorder="1" applyAlignment="1">
      <alignment horizontal="right"/>
    </xf>
    <xf numFmtId="0" fontId="3" fillId="0" borderId="1" xfId="4" applyFont="1" applyFill="1" applyBorder="1"/>
    <xf numFmtId="0" fontId="3" fillId="0" borderId="0" xfId="4" applyFont="1" applyFill="1" applyBorder="1" applyAlignment="1">
      <alignment horizontal="left"/>
    </xf>
    <xf numFmtId="0" fontId="3" fillId="0" borderId="21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distributed"/>
    </xf>
    <xf numFmtId="181" fontId="3" fillId="0" borderId="0" xfId="0" applyNumberFormat="1" applyFont="1" applyFill="1" applyBorder="1" applyAlignment="1">
      <alignment horizontal="right"/>
    </xf>
    <xf numFmtId="177" fontId="3" fillId="0" borderId="0" xfId="0" applyNumberFormat="1" applyFont="1" applyFill="1" applyBorder="1" applyAlignment="1">
      <alignment horizontal="right"/>
    </xf>
    <xf numFmtId="0" fontId="3" fillId="0" borderId="11" xfId="0" applyFont="1" applyFill="1" applyBorder="1" applyAlignment="1">
      <alignment horizontal="center"/>
    </xf>
    <xf numFmtId="38" fontId="3" fillId="0" borderId="26" xfId="5" applyFont="1" applyFill="1" applyBorder="1"/>
    <xf numFmtId="0" fontId="3" fillId="0" borderId="27" xfId="4" applyFont="1" applyFill="1" applyBorder="1"/>
    <xf numFmtId="0" fontId="3" fillId="0" borderId="26" xfId="4" applyFont="1" applyFill="1" applyBorder="1"/>
    <xf numFmtId="0" fontId="3" fillId="0" borderId="34" xfId="4" applyFont="1" applyFill="1" applyBorder="1"/>
    <xf numFmtId="38" fontId="14" fillId="0" borderId="0" xfId="4" applyNumberFormat="1" applyFont="1" applyFill="1" applyBorder="1"/>
    <xf numFmtId="38" fontId="3" fillId="0" borderId="0" xfId="4" applyNumberFormat="1" applyFont="1" applyFill="1" applyBorder="1"/>
    <xf numFmtId="0" fontId="3" fillId="0" borderId="9" xfId="4" applyFont="1" applyFill="1" applyBorder="1" applyAlignment="1">
      <alignment horizontal="right"/>
    </xf>
    <xf numFmtId="0" fontId="3" fillId="0" borderId="16" xfId="4" applyFont="1" applyFill="1" applyBorder="1" applyAlignment="1">
      <alignment horizontal="right"/>
    </xf>
    <xf numFmtId="38" fontId="12" fillId="0" borderId="9" xfId="5" applyFont="1" applyFill="1" applyBorder="1"/>
    <xf numFmtId="38" fontId="12" fillId="0" borderId="16" xfId="5" applyFont="1" applyFill="1" applyBorder="1"/>
    <xf numFmtId="38" fontId="12" fillId="0" borderId="0" xfId="5" applyFont="1" applyFill="1" applyBorder="1"/>
    <xf numFmtId="38" fontId="3" fillId="0" borderId="9" xfId="5" applyFont="1" applyFill="1" applyBorder="1"/>
    <xf numFmtId="38" fontId="3" fillId="0" borderId="29" xfId="5" applyFont="1" applyFill="1" applyBorder="1"/>
    <xf numFmtId="38" fontId="3" fillId="0" borderId="13" xfId="5" applyFont="1" applyFill="1" applyBorder="1"/>
    <xf numFmtId="0" fontId="14" fillId="0" borderId="0" xfId="4" applyFont="1" applyFill="1" applyAlignment="1">
      <alignment horizontal="center"/>
    </xf>
    <xf numFmtId="0" fontId="14" fillId="0" borderId="0" xfId="4" applyFont="1" applyFill="1"/>
    <xf numFmtId="0" fontId="3" fillId="0" borderId="0" xfId="4" applyFont="1" applyFill="1" applyAlignment="1">
      <alignment horizontal="center"/>
    </xf>
    <xf numFmtId="0" fontId="3" fillId="0" borderId="0" xfId="4" applyFont="1" applyFill="1" applyBorder="1"/>
    <xf numFmtId="0" fontId="5" fillId="0" borderId="1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distributed" vertical="center" shrinkToFit="1"/>
    </xf>
    <xf numFmtId="177" fontId="5" fillId="0" borderId="9" xfId="0" applyNumberFormat="1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shrinkToFit="1"/>
    </xf>
    <xf numFmtId="177" fontId="5" fillId="0" borderId="1" xfId="0" applyNumberFormat="1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 shrinkToFit="1"/>
    </xf>
    <xf numFmtId="0" fontId="5" fillId="0" borderId="14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 wrapText="1"/>
    </xf>
    <xf numFmtId="0" fontId="26" fillId="0" borderId="0" xfId="4" applyFont="1" applyFill="1" applyBorder="1" applyAlignment="1">
      <alignment vertical="center"/>
    </xf>
    <xf numFmtId="0" fontId="6" fillId="0" borderId="0" xfId="4" applyFont="1" applyFill="1"/>
    <xf numFmtId="0" fontId="26" fillId="0" borderId="1" xfId="4" applyFont="1" applyFill="1" applyBorder="1" applyAlignment="1">
      <alignment horizontal="center" vertical="center"/>
    </xf>
    <xf numFmtId="0" fontId="26" fillId="0" borderId="15" xfId="4" applyFont="1" applyFill="1" applyBorder="1" applyAlignment="1">
      <alignment horizontal="center" vertical="center"/>
    </xf>
    <xf numFmtId="0" fontId="26" fillId="0" borderId="0" xfId="4" applyFont="1" applyFill="1" applyBorder="1" applyAlignment="1">
      <alignment horizontal="center" vertical="center"/>
    </xf>
    <xf numFmtId="0" fontId="12" fillId="0" borderId="0" xfId="4" applyFont="1" applyFill="1" applyBorder="1" applyAlignment="1">
      <alignment horizontal="center" vertical="center"/>
    </xf>
    <xf numFmtId="0" fontId="9" fillId="0" borderId="0" xfId="4" applyFont="1" applyFill="1" applyBorder="1" applyAlignment="1">
      <alignment horizontal="right" vertical="center"/>
    </xf>
    <xf numFmtId="3" fontId="12" fillId="0" borderId="10" xfId="5" applyNumberFormat="1" applyFont="1" applyFill="1" applyBorder="1" applyAlignment="1">
      <alignment horizontal="right" vertical="center"/>
    </xf>
    <xf numFmtId="3" fontId="12" fillId="0" borderId="9" xfId="5" applyNumberFormat="1" applyFont="1" applyFill="1" applyBorder="1" applyAlignment="1">
      <alignment horizontal="right" vertical="center"/>
    </xf>
    <xf numFmtId="180" fontId="12" fillId="0" borderId="0" xfId="4" applyNumberFormat="1" applyFont="1" applyFill="1" applyBorder="1" applyAlignment="1">
      <alignment horizontal="right" vertical="center"/>
    </xf>
    <xf numFmtId="3" fontId="3" fillId="0" borderId="10" xfId="5" applyNumberFormat="1" applyFont="1" applyFill="1" applyBorder="1" applyAlignment="1">
      <alignment horizontal="right" vertical="center"/>
    </xf>
    <xf numFmtId="3" fontId="3" fillId="0" borderId="9" xfId="5" applyNumberFormat="1" applyFont="1" applyFill="1" applyBorder="1" applyAlignment="1">
      <alignment horizontal="right" vertical="center"/>
    </xf>
    <xf numFmtId="178" fontId="3" fillId="0" borderId="10" xfId="4" applyNumberFormat="1" applyFont="1" applyFill="1" applyBorder="1" applyAlignment="1">
      <alignment horizontal="right" vertical="center"/>
    </xf>
    <xf numFmtId="178" fontId="3" fillId="0" borderId="9" xfId="4" applyNumberFormat="1" applyFont="1" applyFill="1" applyBorder="1" applyAlignment="1">
      <alignment horizontal="right" vertical="center"/>
    </xf>
    <xf numFmtId="178" fontId="3" fillId="0" borderId="42" xfId="4" applyNumberFormat="1" applyFont="1" applyFill="1" applyBorder="1" applyAlignment="1">
      <alignment horizontal="right" vertical="center"/>
    </xf>
    <xf numFmtId="180" fontId="3" fillId="0" borderId="9" xfId="4" applyNumberFormat="1" applyFont="1" applyFill="1" applyBorder="1" applyAlignment="1">
      <alignment horizontal="right" vertical="center"/>
    </xf>
    <xf numFmtId="180" fontId="3" fillId="0" borderId="42" xfId="4" applyNumberFormat="1" applyFont="1" applyFill="1" applyBorder="1" applyAlignment="1">
      <alignment horizontal="right" vertical="center"/>
    </xf>
    <xf numFmtId="180" fontId="3" fillId="0" borderId="0" xfId="4" applyNumberFormat="1" applyFont="1" applyFill="1" applyBorder="1" applyAlignment="1">
      <alignment horizontal="right" vertical="center"/>
    </xf>
    <xf numFmtId="180" fontId="3" fillId="0" borderId="16" xfId="4" applyNumberFormat="1" applyFont="1" applyFill="1" applyBorder="1" applyAlignment="1">
      <alignment horizontal="right" vertical="center"/>
    </xf>
    <xf numFmtId="0" fontId="3" fillId="0" borderId="0" xfId="4" applyFont="1" applyFill="1" applyBorder="1" applyAlignment="1">
      <alignment vertical="center"/>
    </xf>
    <xf numFmtId="0" fontId="12" fillId="0" borderId="0" xfId="4" applyFont="1" applyFill="1" applyBorder="1"/>
    <xf numFmtId="0" fontId="33" fillId="0" borderId="0" xfId="4" applyFont="1" applyFill="1" applyBorder="1" applyAlignment="1">
      <alignment horizontal="center" vertical="center"/>
    </xf>
    <xf numFmtId="2" fontId="3" fillId="0" borderId="0" xfId="4" applyNumberFormat="1" applyFont="1" applyFill="1" applyBorder="1" applyAlignment="1">
      <alignment horizontal="right" vertical="center"/>
    </xf>
    <xf numFmtId="0" fontId="13" fillId="0" borderId="0" xfId="4" applyFill="1"/>
    <xf numFmtId="3" fontId="12" fillId="0" borderId="10" xfId="5" applyNumberFormat="1" applyFont="1" applyFill="1" applyBorder="1" applyAlignment="1"/>
    <xf numFmtId="3" fontId="12" fillId="0" borderId="9" xfId="5" applyNumberFormat="1" applyFont="1" applyFill="1" applyBorder="1" applyAlignment="1"/>
    <xf numFmtId="180" fontId="12" fillId="0" borderId="0" xfId="4" applyNumberFormat="1" applyFont="1" applyFill="1" applyBorder="1" applyAlignment="1"/>
    <xf numFmtId="0" fontId="35" fillId="0" borderId="21" xfId="4" applyFont="1" applyFill="1" applyBorder="1" applyAlignment="1">
      <alignment vertical="center"/>
    </xf>
    <xf numFmtId="3" fontId="3" fillId="0" borderId="13" xfId="5" applyNumberFormat="1" applyFont="1" applyFill="1" applyBorder="1" applyAlignment="1">
      <alignment horizontal="right" vertical="center"/>
    </xf>
    <xf numFmtId="3" fontId="3" fillId="0" borderId="43" xfId="5" applyNumberFormat="1" applyFont="1" applyFill="1" applyBorder="1" applyAlignment="1">
      <alignment horizontal="right" vertical="center"/>
    </xf>
    <xf numFmtId="3" fontId="3" fillId="0" borderId="12" xfId="5" applyNumberFormat="1" applyFont="1" applyFill="1" applyBorder="1" applyAlignment="1">
      <alignment horizontal="right" vertical="center"/>
    </xf>
    <xf numFmtId="180" fontId="3" fillId="0" borderId="12" xfId="4" applyNumberFormat="1" applyFont="1" applyFill="1" applyBorder="1" applyAlignment="1">
      <alignment horizontal="right" vertical="center"/>
    </xf>
    <xf numFmtId="180" fontId="3" fillId="0" borderId="13" xfId="4" applyNumberFormat="1" applyFont="1" applyFill="1" applyBorder="1" applyAlignment="1">
      <alignment horizontal="right" vertical="center"/>
    </xf>
    <xf numFmtId="180" fontId="3" fillId="0" borderId="43" xfId="4" applyNumberFormat="1" applyFont="1" applyFill="1" applyBorder="1" applyAlignment="1">
      <alignment horizontal="right" vertical="center"/>
    </xf>
    <xf numFmtId="2" fontId="3" fillId="0" borderId="21" xfId="4" applyNumberFormat="1" applyFont="1" applyFill="1" applyBorder="1" applyAlignment="1">
      <alignment horizontal="right" vertical="center"/>
    </xf>
    <xf numFmtId="180" fontId="3" fillId="0" borderId="14" xfId="4" applyNumberFormat="1" applyFont="1" applyFill="1" applyBorder="1" applyAlignment="1">
      <alignment horizontal="right" vertical="center"/>
    </xf>
    <xf numFmtId="0" fontId="35" fillId="0" borderId="0" xfId="6" applyFont="1" applyFill="1" applyBorder="1" applyAlignment="1">
      <alignment vertical="center"/>
    </xf>
    <xf numFmtId="3" fontId="3" fillId="0" borderId="0" xfId="5" applyNumberFormat="1" applyFont="1" applyFill="1" applyBorder="1" applyAlignment="1">
      <alignment horizontal="right" vertical="center"/>
    </xf>
    <xf numFmtId="38" fontId="12" fillId="0" borderId="0" xfId="5" applyFont="1" applyFill="1" applyBorder="1" applyAlignment="1">
      <alignment horizontal="right" vertical="center"/>
    </xf>
    <xf numFmtId="180" fontId="3" fillId="0" borderId="0" xfId="6" applyNumberFormat="1" applyFont="1" applyFill="1" applyBorder="1" applyAlignment="1">
      <alignment horizontal="right" vertical="center"/>
    </xf>
    <xf numFmtId="2" fontId="3" fillId="0" borderId="0" xfId="6" applyNumberFormat="1" applyFont="1" applyFill="1" applyBorder="1" applyAlignment="1">
      <alignment horizontal="right" vertical="center"/>
    </xf>
    <xf numFmtId="0" fontId="36" fillId="0" borderId="0" xfId="6" applyFill="1" applyAlignment="1"/>
    <xf numFmtId="0" fontId="6" fillId="0" borderId="0" xfId="7" applyFont="1" applyFill="1" applyAlignment="1">
      <alignment vertical="center"/>
    </xf>
    <xf numFmtId="3" fontId="6" fillId="0" borderId="0" xfId="6" applyNumberFormat="1" applyFont="1" applyFill="1" applyAlignment="1"/>
    <xf numFmtId="0" fontId="6" fillId="0" borderId="0" xfId="6" applyFont="1" applyFill="1" applyAlignment="1"/>
    <xf numFmtId="0" fontId="37" fillId="0" borderId="0" xfId="6" applyFont="1" applyFill="1" applyAlignment="1"/>
    <xf numFmtId="56" fontId="26" fillId="0" borderId="0" xfId="4" applyNumberFormat="1" applyFont="1" applyFill="1" applyBorder="1" applyAlignment="1">
      <alignment vertical="center"/>
    </xf>
    <xf numFmtId="3" fontId="12" fillId="0" borderId="0" xfId="5" applyNumberFormat="1" applyFont="1" applyFill="1" applyBorder="1" applyAlignment="1">
      <alignment horizontal="right"/>
    </xf>
    <xf numFmtId="3" fontId="12" fillId="0" borderId="9" xfId="5" applyNumberFormat="1" applyFont="1" applyFill="1" applyBorder="1" applyAlignment="1">
      <alignment horizontal="right"/>
    </xf>
    <xf numFmtId="0" fontId="33" fillId="0" borderId="0" xfId="4" applyFont="1" applyFill="1" applyBorder="1" applyAlignment="1">
      <alignment vertical="center"/>
    </xf>
    <xf numFmtId="3" fontId="3" fillId="0" borderId="0" xfId="8" applyNumberFormat="1" applyFont="1" applyFill="1" applyBorder="1" applyAlignment="1">
      <alignment horizontal="right"/>
    </xf>
    <xf numFmtId="3" fontId="3" fillId="0" borderId="9" xfId="8" applyNumberFormat="1" applyFont="1" applyFill="1" applyBorder="1" applyAlignment="1">
      <alignment horizontal="right"/>
    </xf>
    <xf numFmtId="2" fontId="3" fillId="0" borderId="0" xfId="4" applyNumberFormat="1" applyFont="1" applyFill="1" applyBorder="1"/>
    <xf numFmtId="3" fontId="3" fillId="0" borderId="0" xfId="5" applyNumberFormat="1" applyFont="1" applyFill="1" applyBorder="1" applyAlignment="1">
      <alignment horizontal="right"/>
    </xf>
    <xf numFmtId="3" fontId="3" fillId="0" borderId="9" xfId="5" applyNumberFormat="1" applyFont="1" applyFill="1" applyBorder="1" applyAlignment="1">
      <alignment horizontal="right"/>
    </xf>
    <xf numFmtId="3" fontId="3" fillId="0" borderId="21" xfId="5" applyNumberFormat="1" applyFont="1" applyFill="1" applyBorder="1" applyAlignment="1">
      <alignment horizontal="right"/>
    </xf>
    <xf numFmtId="3" fontId="3" fillId="0" borderId="13" xfId="5" applyNumberFormat="1" applyFont="1" applyFill="1" applyBorder="1" applyAlignment="1">
      <alignment horizontal="right"/>
    </xf>
    <xf numFmtId="3" fontId="6" fillId="0" borderId="0" xfId="4" applyNumberFormat="1" applyFont="1" applyFill="1"/>
    <xf numFmtId="0" fontId="28" fillId="0" borderId="4" xfId="4" applyFont="1" applyFill="1" applyBorder="1" applyAlignment="1">
      <alignment horizontal="center" vertical="center"/>
    </xf>
    <xf numFmtId="0" fontId="30" fillId="0" borderId="0" xfId="4" applyFont="1" applyFill="1" applyBorder="1"/>
    <xf numFmtId="186" fontId="32" fillId="0" borderId="0" xfId="4" applyNumberFormat="1" applyFont="1" applyFill="1" applyBorder="1" applyAlignment="1">
      <alignment horizontal="center" vertical="center"/>
    </xf>
    <xf numFmtId="3" fontId="12" fillId="0" borderId="0" xfId="5" applyNumberFormat="1" applyFont="1" applyFill="1" applyBorder="1"/>
    <xf numFmtId="3" fontId="12" fillId="0" borderId="9" xfId="5" applyNumberFormat="1" applyFont="1" applyFill="1" applyBorder="1"/>
    <xf numFmtId="3" fontId="3" fillId="0" borderId="0" xfId="8" applyNumberFormat="1" applyFont="1" applyFill="1" applyBorder="1"/>
    <xf numFmtId="3" fontId="3" fillId="0" borderId="9" xfId="8" applyNumberFormat="1" applyFont="1" applyFill="1" applyBorder="1"/>
    <xf numFmtId="3" fontId="3" fillId="0" borderId="10" xfId="5" applyNumberFormat="1" applyFont="1" applyFill="1" applyBorder="1" applyAlignment="1" applyProtection="1">
      <alignment horizontal="right" vertical="center"/>
    </xf>
    <xf numFmtId="3" fontId="3" fillId="0" borderId="9" xfId="5" applyNumberFormat="1" applyFont="1" applyFill="1" applyBorder="1" applyAlignment="1" applyProtection="1">
      <alignment horizontal="right" vertical="center"/>
    </xf>
    <xf numFmtId="178" fontId="3" fillId="0" borderId="10" xfId="4" applyNumberFormat="1" applyFont="1" applyFill="1" applyBorder="1" applyAlignment="1" applyProtection="1">
      <alignment horizontal="right" vertical="center"/>
    </xf>
    <xf numFmtId="178" fontId="3" fillId="0" borderId="9" xfId="4" applyNumberFormat="1" applyFont="1" applyFill="1" applyBorder="1" applyAlignment="1" applyProtection="1">
      <alignment horizontal="right" vertical="center"/>
    </xf>
    <xf numFmtId="178" fontId="3" fillId="0" borderId="42" xfId="4" applyNumberFormat="1" applyFont="1" applyFill="1" applyBorder="1" applyAlignment="1" applyProtection="1">
      <alignment horizontal="right" vertical="center"/>
    </xf>
    <xf numFmtId="180" fontId="3" fillId="0" borderId="16" xfId="4" applyNumberFormat="1" applyFont="1" applyFill="1" applyBorder="1" applyAlignment="1" applyProtection="1">
      <alignment horizontal="right" vertical="center"/>
    </xf>
    <xf numFmtId="0" fontId="32" fillId="0" borderId="0" xfId="4" applyFont="1" applyFill="1" applyBorder="1" applyAlignment="1">
      <alignment horizontal="left" vertical="center"/>
    </xf>
    <xf numFmtId="3" fontId="3" fillId="0" borderId="0" xfId="5" applyNumberFormat="1" applyFont="1" applyFill="1" applyBorder="1"/>
    <xf numFmtId="3" fontId="3" fillId="0" borderId="9" xfId="5" applyNumberFormat="1" applyFont="1" applyFill="1" applyBorder="1"/>
    <xf numFmtId="2" fontId="3" fillId="0" borderId="0" xfId="4" applyNumberFormat="1" applyFont="1" applyFill="1" applyBorder="1" applyAlignment="1" applyProtection="1">
      <alignment horizontal="right" vertical="center"/>
    </xf>
    <xf numFmtId="0" fontId="32" fillId="0" borderId="0" xfId="4" applyFont="1" applyFill="1" applyBorder="1" applyAlignment="1"/>
    <xf numFmtId="0" fontId="32" fillId="0" borderId="0" xfId="4" applyFont="1" applyFill="1" applyBorder="1" applyAlignment="1">
      <alignment horizontal="distributed" vertical="center"/>
    </xf>
    <xf numFmtId="3" fontId="3" fillId="0" borderId="21" xfId="5" applyNumberFormat="1" applyFont="1" applyFill="1" applyBorder="1"/>
    <xf numFmtId="3" fontId="3" fillId="0" borderId="13" xfId="5" applyNumberFormat="1" applyFont="1" applyFill="1" applyBorder="1"/>
    <xf numFmtId="3" fontId="3" fillId="0" borderId="13" xfId="5" applyNumberFormat="1" applyFont="1" applyFill="1" applyBorder="1" applyAlignment="1" applyProtection="1">
      <alignment horizontal="right" vertical="center"/>
    </xf>
    <xf numFmtId="180" fontId="3" fillId="0" borderId="12" xfId="4" applyNumberFormat="1" applyFont="1" applyFill="1" applyBorder="1" applyAlignment="1" applyProtection="1">
      <alignment horizontal="right" vertical="center"/>
    </xf>
    <xf numFmtId="180" fontId="3" fillId="0" borderId="13" xfId="4" applyNumberFormat="1" applyFont="1" applyFill="1" applyBorder="1" applyAlignment="1" applyProtection="1">
      <alignment horizontal="right" vertical="center"/>
    </xf>
    <xf numFmtId="180" fontId="3" fillId="0" borderId="43" xfId="4" applyNumberFormat="1" applyFont="1" applyFill="1" applyBorder="1" applyAlignment="1" applyProtection="1">
      <alignment horizontal="right" vertical="center"/>
    </xf>
    <xf numFmtId="2" fontId="3" fillId="0" borderId="21" xfId="4" applyNumberFormat="1" applyFont="1" applyFill="1" applyBorder="1" applyAlignment="1" applyProtection="1">
      <alignment horizontal="right" vertical="center"/>
    </xf>
    <xf numFmtId="180" fontId="3" fillId="0" borderId="14" xfId="4" applyNumberFormat="1" applyFont="1" applyFill="1" applyBorder="1" applyAlignment="1" applyProtection="1">
      <alignment horizontal="right" vertical="center"/>
    </xf>
    <xf numFmtId="0" fontId="39" fillId="0" borderId="0" xfId="4" applyFont="1" applyFill="1"/>
    <xf numFmtId="0" fontId="39" fillId="0" borderId="0" xfId="4" applyFont="1" applyFill="1" applyBorder="1"/>
    <xf numFmtId="0" fontId="40" fillId="0" borderId="0" xfId="4" applyFont="1" applyFill="1" applyAlignment="1"/>
    <xf numFmtId="0" fontId="41" fillId="0" borderId="0" xfId="4" applyFont="1" applyFill="1"/>
    <xf numFmtId="0" fontId="42" fillId="0" borderId="0" xfId="4" applyFont="1" applyFill="1"/>
    <xf numFmtId="0" fontId="6" fillId="0" borderId="3" xfId="4" applyFont="1" applyFill="1" applyBorder="1" applyAlignment="1">
      <alignment vertical="center"/>
    </xf>
    <xf numFmtId="0" fontId="6" fillId="0" borderId="1" xfId="4" applyFont="1" applyFill="1" applyBorder="1" applyAlignment="1">
      <alignment vertical="center"/>
    </xf>
    <xf numFmtId="0" fontId="39" fillId="0" borderId="0" xfId="4" applyFont="1" applyFill="1" applyAlignment="1">
      <alignment vertical="center"/>
    </xf>
    <xf numFmtId="0" fontId="43" fillId="0" borderId="0" xfId="4" applyFont="1" applyFill="1" applyAlignment="1">
      <alignment vertical="center"/>
    </xf>
    <xf numFmtId="0" fontId="6" fillId="0" borderId="20" xfId="4" applyFont="1" applyFill="1" applyBorder="1" applyAlignment="1">
      <alignment vertical="center"/>
    </xf>
    <xf numFmtId="0" fontId="6" fillId="0" borderId="11" xfId="4" applyFont="1" applyFill="1" applyBorder="1" applyAlignment="1">
      <alignment vertical="center"/>
    </xf>
    <xf numFmtId="0" fontId="6" fillId="0" borderId="7" xfId="4" applyFont="1" applyFill="1" applyBorder="1" applyAlignment="1">
      <alignment vertical="center"/>
    </xf>
    <xf numFmtId="0" fontId="6" fillId="0" borderId="16" xfId="4" applyFont="1" applyFill="1" applyBorder="1" applyAlignment="1">
      <alignment horizontal="center" vertical="center"/>
    </xf>
    <xf numFmtId="0" fontId="6" fillId="0" borderId="8" xfId="4" applyFont="1" applyFill="1" applyBorder="1" applyAlignment="1">
      <alignment horizontal="center" vertical="center"/>
    </xf>
    <xf numFmtId="0" fontId="6" fillId="0" borderId="10" xfId="4" applyFont="1" applyFill="1" applyBorder="1" applyAlignment="1">
      <alignment horizontal="center" vertical="center"/>
    </xf>
    <xf numFmtId="0" fontId="6" fillId="0" borderId="20" xfId="4" applyFont="1" applyFill="1" applyBorder="1" applyAlignment="1">
      <alignment horizontal="center" vertical="center"/>
    </xf>
    <xf numFmtId="0" fontId="26" fillId="0" borderId="9" xfId="4" applyFont="1" applyFill="1" applyBorder="1" applyAlignment="1">
      <alignment horizontal="center" vertical="center"/>
    </xf>
    <xf numFmtId="0" fontId="6" fillId="0" borderId="9" xfId="4" applyFont="1" applyFill="1" applyBorder="1" applyAlignment="1">
      <alignment horizontal="center" vertical="center"/>
    </xf>
    <xf numFmtId="0" fontId="3" fillId="0" borderId="7" xfId="4" applyFont="1" applyFill="1" applyBorder="1"/>
    <xf numFmtId="0" fontId="6" fillId="0" borderId="11" xfId="4" applyFont="1" applyFill="1" applyBorder="1" applyAlignment="1">
      <alignment horizontal="right"/>
    </xf>
    <xf numFmtId="0" fontId="26" fillId="0" borderId="8" xfId="4" applyFont="1" applyFill="1" applyBorder="1"/>
    <xf numFmtId="0" fontId="6" fillId="0" borderId="8" xfId="4" applyFont="1" applyFill="1" applyBorder="1"/>
    <xf numFmtId="0" fontId="6" fillId="0" borderId="20" xfId="4" applyFont="1" applyFill="1" applyBorder="1" applyAlignment="1">
      <alignment horizontal="right"/>
    </xf>
    <xf numFmtId="0" fontId="6" fillId="0" borderId="8" xfId="4" applyFont="1" applyFill="1" applyBorder="1" applyAlignment="1">
      <alignment horizontal="right"/>
    </xf>
    <xf numFmtId="0" fontId="6" fillId="0" borderId="7" xfId="4" applyFont="1" applyFill="1" applyBorder="1" applyAlignment="1">
      <alignment horizontal="right"/>
    </xf>
    <xf numFmtId="0" fontId="3" fillId="0" borderId="10" xfId="4" applyFont="1" applyFill="1" applyBorder="1" applyAlignment="1">
      <alignment horizontal="center"/>
    </xf>
    <xf numFmtId="0" fontId="26" fillId="0" borderId="9" xfId="4" applyFont="1" applyFill="1" applyBorder="1" applyAlignment="1">
      <alignment horizontal="center"/>
    </xf>
    <xf numFmtId="0" fontId="12" fillId="0" borderId="9" xfId="4" applyFont="1" applyFill="1" applyBorder="1" applyAlignment="1">
      <alignment horizontal="center"/>
    </xf>
    <xf numFmtId="0" fontId="12" fillId="0" borderId="10" xfId="4" applyFont="1" applyFill="1" applyBorder="1" applyAlignment="1">
      <alignment horizontal="center"/>
    </xf>
    <xf numFmtId="38" fontId="45" fillId="0" borderId="27" xfId="5" applyFont="1" applyFill="1" applyBorder="1" applyAlignment="1">
      <alignment horizontal="right" vertical="center"/>
    </xf>
    <xf numFmtId="0" fontId="26" fillId="0" borderId="26" xfId="4" applyFont="1" applyFill="1" applyBorder="1" applyAlignment="1">
      <alignment vertical="center"/>
    </xf>
    <xf numFmtId="0" fontId="3" fillId="0" borderId="9" xfId="4" applyFont="1" applyFill="1" applyBorder="1"/>
    <xf numFmtId="0" fontId="3" fillId="0" borderId="10" xfId="4" applyFont="1" applyFill="1" applyBorder="1"/>
    <xf numFmtId="0" fontId="26" fillId="0" borderId="9" xfId="4" applyFont="1" applyFill="1" applyBorder="1" applyAlignment="1">
      <alignment vertical="center"/>
    </xf>
    <xf numFmtId="0" fontId="12" fillId="0" borderId="9" xfId="4" applyFont="1" applyFill="1" applyBorder="1"/>
    <xf numFmtId="0" fontId="3" fillId="0" borderId="12" xfId="4" applyFont="1" applyFill="1" applyBorder="1"/>
    <xf numFmtId="0" fontId="26" fillId="0" borderId="13" xfId="4" applyFont="1" applyFill="1" applyBorder="1" applyAlignment="1">
      <alignment vertical="center"/>
    </xf>
    <xf numFmtId="0" fontId="12" fillId="0" borderId="13" xfId="4" applyFont="1" applyFill="1" applyBorder="1"/>
    <xf numFmtId="0" fontId="26" fillId="0" borderId="3" xfId="4" applyFont="1" applyFill="1" applyBorder="1"/>
    <xf numFmtId="0" fontId="6" fillId="0" borderId="9" xfId="4" applyFont="1" applyFill="1" applyBorder="1"/>
    <xf numFmtId="38" fontId="44" fillId="0" borderId="9" xfId="5" quotePrefix="1" applyFont="1" applyFill="1" applyBorder="1" applyAlignment="1">
      <alignment horizontal="right" vertical="center"/>
    </xf>
    <xf numFmtId="0" fontId="43" fillId="0" borderId="0" xfId="4" applyFont="1" applyFill="1"/>
    <xf numFmtId="38" fontId="44" fillId="0" borderId="26" xfId="5" quotePrefix="1" applyFont="1" applyFill="1" applyBorder="1" applyAlignment="1">
      <alignment horizontal="right" vertical="center"/>
    </xf>
    <xf numFmtId="3" fontId="45" fillId="0" borderId="28" xfId="4" quotePrefix="1" applyNumberFormat="1" applyFont="1" applyFill="1" applyBorder="1" applyAlignment="1">
      <alignment horizontal="right" vertical="center"/>
    </xf>
    <xf numFmtId="3" fontId="45" fillId="0" borderId="16" xfId="4" quotePrefix="1" applyNumberFormat="1" applyFont="1" applyFill="1" applyBorder="1" applyAlignment="1">
      <alignment horizontal="right" vertical="center"/>
    </xf>
    <xf numFmtId="3" fontId="45" fillId="0" borderId="27" xfId="4" quotePrefix="1" applyNumberFormat="1" applyFont="1" applyFill="1" applyBorder="1" applyAlignment="1">
      <alignment horizontal="right" vertical="center"/>
    </xf>
    <xf numFmtId="3" fontId="45" fillId="0" borderId="20" xfId="4" quotePrefix="1" applyNumberFormat="1" applyFont="1" applyFill="1" applyBorder="1" applyAlignment="1">
      <alignment horizontal="right" vertical="center"/>
    </xf>
    <xf numFmtId="3" fontId="45" fillId="0" borderId="9" xfId="4" quotePrefix="1" applyNumberFormat="1" applyFont="1" applyFill="1" applyBorder="1" applyAlignment="1">
      <alignment horizontal="right" vertical="center"/>
    </xf>
    <xf numFmtId="3" fontId="45" fillId="0" borderId="14" xfId="4" quotePrefix="1" applyNumberFormat="1" applyFont="1" applyFill="1" applyBorder="1" applyAlignment="1">
      <alignment horizontal="right" vertical="center"/>
    </xf>
    <xf numFmtId="3" fontId="39" fillId="0" borderId="0" xfId="4" quotePrefix="1" applyNumberFormat="1" applyFont="1" applyFill="1" applyBorder="1" applyAlignment="1">
      <alignment horizontal="right"/>
    </xf>
    <xf numFmtId="0" fontId="46" fillId="0" borderId="0" xfId="4" applyFont="1" applyFill="1" applyBorder="1" applyAlignment="1"/>
    <xf numFmtId="0" fontId="46" fillId="0" borderId="0" xfId="4" applyFont="1" applyFill="1" applyBorder="1"/>
    <xf numFmtId="38" fontId="39" fillId="0" borderId="0" xfId="5" applyFont="1" applyFill="1" applyBorder="1" applyAlignment="1">
      <alignment horizontal="right"/>
    </xf>
    <xf numFmtId="0" fontId="29" fillId="0" borderId="0" xfId="4" applyFont="1" applyFill="1"/>
    <xf numFmtId="180" fontId="29" fillId="0" borderId="0" xfId="4" applyNumberFormat="1" applyFont="1" applyFill="1"/>
    <xf numFmtId="180" fontId="39" fillId="0" borderId="0" xfId="4" applyNumberFormat="1" applyFont="1" applyFill="1"/>
    <xf numFmtId="0" fontId="47" fillId="0" borderId="21" xfId="4" applyFont="1" applyFill="1" applyBorder="1"/>
    <xf numFmtId="0" fontId="3" fillId="0" borderId="2" xfId="4" applyFont="1" applyFill="1" applyBorder="1"/>
    <xf numFmtId="0" fontId="6" fillId="0" borderId="20" xfId="4" applyFont="1" applyFill="1" applyBorder="1"/>
    <xf numFmtId="0" fontId="6" fillId="0" borderId="11" xfId="4" applyFont="1" applyFill="1" applyBorder="1"/>
    <xf numFmtId="0" fontId="6" fillId="0" borderId="7" xfId="4" applyFont="1" applyFill="1" applyBorder="1"/>
    <xf numFmtId="0" fontId="26" fillId="0" borderId="16" xfId="4" applyFont="1" applyFill="1" applyBorder="1" applyAlignment="1">
      <alignment horizontal="center"/>
    </xf>
    <xf numFmtId="0" fontId="26" fillId="0" borderId="8" xfId="4" applyFont="1" applyFill="1" applyBorder="1" applyAlignment="1">
      <alignment horizontal="center"/>
    </xf>
    <xf numFmtId="0" fontId="26" fillId="0" borderId="10" xfId="4" applyFont="1" applyFill="1" applyBorder="1" applyAlignment="1">
      <alignment horizontal="center"/>
    </xf>
    <xf numFmtId="0" fontId="26" fillId="0" borderId="20" xfId="4" applyFont="1" applyFill="1" applyBorder="1" applyAlignment="1">
      <alignment horizontal="center"/>
    </xf>
    <xf numFmtId="0" fontId="3" fillId="0" borderId="10" xfId="4" applyFont="1" applyFill="1" applyBorder="1" applyAlignment="1">
      <alignment horizontal="left"/>
    </xf>
    <xf numFmtId="0" fontId="12" fillId="0" borderId="10" xfId="4" applyFont="1" applyFill="1" applyBorder="1" applyAlignment="1">
      <alignment horizontal="center" vertical="center"/>
    </xf>
    <xf numFmtId="38" fontId="5" fillId="0" borderId="9" xfId="5" applyFont="1" applyFill="1" applyBorder="1" applyAlignment="1">
      <alignment horizontal="right" vertical="center"/>
    </xf>
    <xf numFmtId="0" fontId="5" fillId="0" borderId="44" xfId="4" applyFont="1" applyFill="1" applyBorder="1" applyAlignment="1">
      <alignment vertical="center"/>
    </xf>
    <xf numFmtId="0" fontId="12" fillId="0" borderId="10" xfId="4" applyFont="1" applyFill="1" applyBorder="1" applyAlignment="1"/>
    <xf numFmtId="38" fontId="12" fillId="0" borderId="10" xfId="5" applyFont="1" applyFill="1" applyBorder="1" applyAlignment="1">
      <alignment horizontal="center"/>
    </xf>
    <xf numFmtId="0" fontId="12" fillId="0" borderId="10" xfId="4" applyFont="1" applyFill="1" applyBorder="1"/>
    <xf numFmtId="0" fontId="12" fillId="0" borderId="10" xfId="4" quotePrefix="1" applyFont="1" applyFill="1" applyBorder="1" applyAlignment="1">
      <alignment horizontal="center"/>
    </xf>
    <xf numFmtId="0" fontId="12" fillId="0" borderId="44" xfId="4" applyFont="1" applyFill="1" applyBorder="1"/>
    <xf numFmtId="38" fontId="5" fillId="0" borderId="26" xfId="5" applyFont="1" applyFill="1" applyBorder="1" applyAlignment="1">
      <alignment horizontal="right" vertical="center"/>
    </xf>
    <xf numFmtId="0" fontId="12" fillId="0" borderId="12" xfId="4" applyFont="1" applyFill="1" applyBorder="1" applyAlignment="1">
      <alignment horizontal="center"/>
    </xf>
    <xf numFmtId="0" fontId="3" fillId="0" borderId="13" xfId="4" applyFont="1" applyFill="1" applyBorder="1"/>
    <xf numFmtId="38" fontId="5" fillId="0" borderId="13" xfId="5" applyFont="1" applyFill="1" applyBorder="1" applyAlignment="1">
      <alignment horizontal="right" vertical="center"/>
    </xf>
    <xf numFmtId="0" fontId="6" fillId="0" borderId="10" xfId="4" applyFont="1" applyFill="1" applyBorder="1"/>
    <xf numFmtId="0" fontId="6" fillId="0" borderId="0" xfId="4" applyFont="1" applyFill="1" applyBorder="1"/>
    <xf numFmtId="0" fontId="6" fillId="0" borderId="9" xfId="4" applyFont="1" applyFill="1" applyBorder="1" applyAlignment="1">
      <alignment horizontal="right" vertical="center"/>
    </xf>
    <xf numFmtId="0" fontId="6" fillId="0" borderId="10" xfId="4" applyFont="1" applyFill="1" applyBorder="1" applyAlignment="1">
      <alignment horizontal="right" vertical="center"/>
    </xf>
    <xf numFmtId="38" fontId="4" fillId="0" borderId="9" xfId="5" applyFont="1" applyFill="1" applyBorder="1" applyAlignment="1">
      <alignment horizontal="right" vertical="center"/>
    </xf>
    <xf numFmtId="38" fontId="4" fillId="0" borderId="26" xfId="5" applyFont="1" applyFill="1" applyBorder="1" applyAlignment="1">
      <alignment horizontal="right" vertical="center"/>
    </xf>
    <xf numFmtId="38" fontId="5" fillId="0" borderId="10" xfId="5" applyFont="1" applyFill="1" applyBorder="1" applyAlignment="1">
      <alignment horizontal="right" vertical="center"/>
    </xf>
    <xf numFmtId="38" fontId="5" fillId="0" borderId="29" xfId="5" applyFont="1" applyFill="1" applyBorder="1" applyAlignment="1">
      <alignment horizontal="right" vertical="center"/>
    </xf>
    <xf numFmtId="0" fontId="6" fillId="0" borderId="16" xfId="4" applyFont="1" applyFill="1" applyBorder="1" applyAlignment="1">
      <alignment horizontal="right" vertical="center"/>
    </xf>
    <xf numFmtId="0" fontId="39" fillId="0" borderId="0" xfId="4" applyFont="1" applyFill="1" applyAlignment="1"/>
    <xf numFmtId="0" fontId="49" fillId="0" borderId="0" xfId="4" applyFont="1" applyFill="1"/>
    <xf numFmtId="0" fontId="50" fillId="0" borderId="0" xfId="4" applyFont="1" applyFill="1"/>
    <xf numFmtId="0" fontId="3" fillId="0" borderId="1" xfId="4" applyFont="1" applyFill="1" applyBorder="1" applyAlignment="1">
      <alignment vertical="center"/>
    </xf>
    <xf numFmtId="0" fontId="12" fillId="0" borderId="9" xfId="4" applyFont="1" applyFill="1" applyBorder="1" applyAlignment="1"/>
    <xf numFmtId="0" fontId="44" fillId="0" borderId="0" xfId="4" applyFont="1" applyFill="1" applyBorder="1" applyAlignment="1">
      <alignment horizontal="center"/>
    </xf>
    <xf numFmtId="0" fontId="44" fillId="0" borderId="0" xfId="4" applyFont="1" applyFill="1" applyBorder="1" applyAlignment="1"/>
    <xf numFmtId="0" fontId="44" fillId="0" borderId="11" xfId="4" applyFont="1" applyFill="1" applyBorder="1" applyAlignment="1"/>
    <xf numFmtId="0" fontId="3" fillId="0" borderId="36" xfId="4" applyFont="1" applyFill="1" applyBorder="1" applyAlignment="1">
      <alignment horizontal="center"/>
    </xf>
    <xf numFmtId="0" fontId="3" fillId="0" borderId="24" xfId="4" applyFont="1" applyFill="1" applyBorder="1" applyAlignment="1">
      <alignment horizontal="center"/>
    </xf>
    <xf numFmtId="0" fontId="44" fillId="0" borderId="9" xfId="4" applyFont="1" applyFill="1" applyBorder="1" applyAlignment="1">
      <alignment horizontal="center"/>
    </xf>
    <xf numFmtId="180" fontId="5" fillId="0" borderId="0" xfId="4" applyNumberFormat="1" applyFont="1" applyFill="1" applyBorder="1" applyAlignment="1">
      <alignment horizontal="right"/>
    </xf>
    <xf numFmtId="38" fontId="5" fillId="0" borderId="34" xfId="5" applyFont="1" applyFill="1" applyBorder="1" applyAlignment="1">
      <alignment horizontal="right" vertical="center" indent="1"/>
    </xf>
    <xf numFmtId="0" fontId="44" fillId="0" borderId="26" xfId="4" applyFont="1" applyFill="1" applyBorder="1" applyAlignment="1">
      <alignment vertical="center"/>
    </xf>
    <xf numFmtId="180" fontId="5" fillId="0" borderId="34" xfId="4" applyNumberFormat="1" applyFont="1" applyFill="1" applyBorder="1" applyAlignment="1">
      <alignment vertical="center"/>
    </xf>
    <xf numFmtId="180" fontId="5" fillId="0" borderId="44" xfId="4" applyNumberFormat="1" applyFont="1" applyFill="1" applyBorder="1" applyAlignment="1">
      <alignment vertical="center"/>
    </xf>
    <xf numFmtId="180" fontId="5" fillId="0" borderId="44" xfId="4" applyNumberFormat="1" applyFont="1" applyFill="1" applyBorder="1" applyAlignment="1">
      <alignment horizontal="right" vertical="center"/>
    </xf>
    <xf numFmtId="0" fontId="3" fillId="0" borderId="0" xfId="4" applyFont="1" applyFill="1" applyAlignment="1">
      <alignment vertical="center"/>
    </xf>
    <xf numFmtId="0" fontId="12" fillId="0" borderId="9" xfId="4" applyFont="1" applyFill="1" applyBorder="1" applyAlignment="1">
      <alignment vertical="center"/>
    </xf>
    <xf numFmtId="0" fontId="12" fillId="0" borderId="13" xfId="4" applyFont="1" applyFill="1" applyBorder="1" applyAlignment="1">
      <alignment vertical="center"/>
    </xf>
    <xf numFmtId="0" fontId="51" fillId="0" borderId="0" xfId="4" applyFont="1" applyFill="1"/>
    <xf numFmtId="0" fontId="3" fillId="0" borderId="17" xfId="4" applyFont="1" applyFill="1" applyBorder="1" applyAlignment="1">
      <alignment vertical="center"/>
    </xf>
    <xf numFmtId="38" fontId="5" fillId="0" borderId="44" xfId="5" applyFont="1" applyFill="1" applyBorder="1" applyAlignment="1">
      <alignment horizontal="right" vertical="center" indent="1"/>
    </xf>
    <xf numFmtId="0" fontId="22" fillId="0" borderId="1" xfId="4" applyFont="1" applyFill="1" applyBorder="1" applyAlignment="1">
      <alignment vertical="center"/>
    </xf>
    <xf numFmtId="0" fontId="22" fillId="0" borderId="2" xfId="4" applyFont="1" applyFill="1" applyBorder="1" applyAlignment="1">
      <alignment vertical="center"/>
    </xf>
    <xf numFmtId="0" fontId="22" fillId="0" borderId="0" xfId="4" applyFont="1" applyFill="1" applyBorder="1" applyAlignment="1">
      <alignment vertical="center"/>
    </xf>
    <xf numFmtId="0" fontId="22" fillId="0" borderId="10" xfId="4" applyFont="1" applyFill="1" applyBorder="1" applyAlignment="1">
      <alignment vertical="center"/>
    </xf>
    <xf numFmtId="0" fontId="12" fillId="0" borderId="0" xfId="4" applyFont="1" applyFill="1" applyBorder="1" applyAlignment="1"/>
    <xf numFmtId="0" fontId="22" fillId="0" borderId="4" xfId="4" applyFont="1" applyFill="1" applyBorder="1" applyAlignment="1">
      <alignment vertical="center"/>
    </xf>
    <xf numFmtId="0" fontId="22" fillId="0" borderId="5" xfId="4" applyFont="1" applyFill="1" applyBorder="1" applyAlignment="1">
      <alignment vertical="center"/>
    </xf>
    <xf numFmtId="0" fontId="5" fillId="0" borderId="7" xfId="4" applyFont="1" applyFill="1" applyBorder="1" applyAlignment="1">
      <alignment vertical="center"/>
    </xf>
    <xf numFmtId="0" fontId="5" fillId="0" borderId="10" xfId="4" applyFont="1" applyFill="1" applyBorder="1" applyAlignment="1">
      <alignment horizontal="center"/>
    </xf>
    <xf numFmtId="0" fontId="44" fillId="0" borderId="9" xfId="4" applyFont="1" applyFill="1" applyBorder="1" applyAlignment="1">
      <alignment horizontal="center" vertical="center"/>
    </xf>
    <xf numFmtId="0" fontId="5" fillId="0" borderId="16" xfId="4" applyFont="1" applyFill="1" applyBorder="1" applyAlignment="1">
      <alignment horizontal="center"/>
    </xf>
    <xf numFmtId="0" fontId="5" fillId="0" borderId="10" xfId="4" applyFont="1" applyFill="1" applyBorder="1" applyAlignment="1">
      <alignment vertical="center"/>
    </xf>
    <xf numFmtId="0" fontId="5" fillId="0" borderId="9" xfId="4" applyFont="1" applyFill="1" applyBorder="1" applyAlignment="1">
      <alignment horizontal="center" vertical="center"/>
    </xf>
    <xf numFmtId="0" fontId="5" fillId="0" borderId="10" xfId="4" applyFont="1" applyFill="1" applyBorder="1" applyAlignment="1">
      <alignment vertical="center" textRotation="255"/>
    </xf>
    <xf numFmtId="0" fontId="5" fillId="0" borderId="10" xfId="4" applyFont="1" applyFill="1" applyBorder="1" applyAlignment="1">
      <alignment horizontal="center" vertical="center"/>
    </xf>
    <xf numFmtId="38" fontId="4" fillId="0" borderId="10" xfId="5" applyFont="1" applyFill="1" applyBorder="1" applyAlignment="1">
      <alignment horizontal="right" vertical="center" indent="1"/>
    </xf>
    <xf numFmtId="38" fontId="5" fillId="0" borderId="10" xfId="5" applyFont="1" applyFill="1" applyBorder="1" applyAlignment="1">
      <alignment horizontal="right" vertical="center" indent="1"/>
    </xf>
    <xf numFmtId="0" fontId="44" fillId="0" borderId="9" xfId="4" applyFont="1" applyFill="1" applyBorder="1" applyAlignment="1">
      <alignment vertical="center"/>
    </xf>
    <xf numFmtId="0" fontId="44" fillId="0" borderId="9" xfId="4" applyFont="1" applyFill="1" applyBorder="1" applyAlignment="1">
      <alignment horizontal="left" vertical="center"/>
    </xf>
    <xf numFmtId="0" fontId="44" fillId="0" borderId="26" xfId="4" applyFont="1" applyFill="1" applyBorder="1" applyAlignment="1">
      <alignment horizontal="left" vertical="center"/>
    </xf>
    <xf numFmtId="0" fontId="13" fillId="0" borderId="1" xfId="4" applyFill="1" applyBorder="1"/>
    <xf numFmtId="0" fontId="5" fillId="0" borderId="44" xfId="4" applyFont="1" applyFill="1" applyBorder="1" applyAlignment="1">
      <alignment horizontal="right" vertical="center" indent="1"/>
    </xf>
    <xf numFmtId="0" fontId="13" fillId="0" borderId="0" xfId="4" applyFill="1" applyBorder="1"/>
    <xf numFmtId="38" fontId="3" fillId="0" borderId="21" xfId="5" applyFont="1" applyFill="1" applyBorder="1"/>
    <xf numFmtId="0" fontId="5" fillId="0" borderId="0" xfId="4" applyFont="1" applyFill="1" applyBorder="1" applyAlignment="1">
      <alignment horizontal="left" vertical="center"/>
    </xf>
    <xf numFmtId="38" fontId="3" fillId="0" borderId="14" xfId="5" applyFont="1" applyFill="1" applyBorder="1"/>
    <xf numFmtId="38" fontId="3" fillId="0" borderId="12" xfId="5" applyFont="1" applyFill="1" applyBorder="1"/>
    <xf numFmtId="37" fontId="5" fillId="0" borderId="0" xfId="4" applyNumberFormat="1" applyFont="1" applyFill="1" applyBorder="1"/>
    <xf numFmtId="37" fontId="3" fillId="0" borderId="14" xfId="4" applyNumberFormat="1" applyFont="1" applyFill="1" applyBorder="1"/>
    <xf numFmtId="37" fontId="3" fillId="0" borderId="13" xfId="4" applyNumberFormat="1" applyFont="1" applyFill="1" applyBorder="1"/>
    <xf numFmtId="37" fontId="3" fillId="0" borderId="12" xfId="4" applyNumberFormat="1" applyFont="1" applyFill="1" applyBorder="1"/>
    <xf numFmtId="37" fontId="3" fillId="0" borderId="21" xfId="4" applyNumberFormat="1" applyFont="1" applyFill="1" applyBorder="1"/>
    <xf numFmtId="0" fontId="13" fillId="0" borderId="0" xfId="0" applyFont="1" applyFill="1"/>
    <xf numFmtId="0" fontId="29" fillId="0" borderId="0" xfId="0" applyFont="1" applyFill="1" applyAlignment="1">
      <alignment horizontal="right"/>
    </xf>
    <xf numFmtId="0" fontId="3" fillId="0" borderId="15" xfId="0" applyFont="1" applyFill="1" applyBorder="1" applyAlignment="1">
      <alignment horizontal="center"/>
    </xf>
    <xf numFmtId="0" fontId="3" fillId="0" borderId="9" xfId="0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0" fontId="3" fillId="0" borderId="20" xfId="0" applyFont="1" applyFill="1" applyBorder="1"/>
    <xf numFmtId="0" fontId="3" fillId="0" borderId="11" xfId="0" applyFont="1" applyFill="1" applyBorder="1"/>
    <xf numFmtId="0" fontId="3" fillId="0" borderId="7" xfId="0" applyFont="1" applyFill="1" applyBorder="1"/>
    <xf numFmtId="0" fontId="3" fillId="0" borderId="16" xfId="0" applyFont="1" applyFill="1" applyBorder="1" applyAlignment="1">
      <alignment horizontal="center"/>
    </xf>
    <xf numFmtId="0" fontId="3" fillId="0" borderId="8" xfId="0" applyFont="1" applyFill="1" applyBorder="1" applyAlignment="1">
      <alignment horizontal="center"/>
    </xf>
    <xf numFmtId="0" fontId="3" fillId="0" borderId="20" xfId="0" applyFont="1" applyFill="1" applyBorder="1" applyAlignment="1">
      <alignment horizontal="center"/>
    </xf>
    <xf numFmtId="0" fontId="3" fillId="0" borderId="6" xfId="0" applyFont="1" applyFill="1" applyBorder="1" applyAlignment="1">
      <alignment horizontal="center"/>
    </xf>
    <xf numFmtId="0" fontId="3" fillId="0" borderId="4" xfId="0" applyFont="1" applyFill="1" applyBorder="1" applyAlignment="1">
      <alignment horizontal="center"/>
    </xf>
    <xf numFmtId="0" fontId="3" fillId="0" borderId="22" xfId="0" applyFont="1" applyFill="1" applyBorder="1" applyAlignment="1">
      <alignment horizontal="center"/>
    </xf>
    <xf numFmtId="0" fontId="3" fillId="0" borderId="9" xfId="0" applyFont="1" applyFill="1" applyBorder="1" applyAlignment="1">
      <alignment horizontal="right"/>
    </xf>
    <xf numFmtId="0" fontId="3" fillId="0" borderId="0" xfId="0" applyFont="1" applyFill="1" applyBorder="1" applyAlignment="1">
      <alignment horizontal="right"/>
    </xf>
    <xf numFmtId="0" fontId="3" fillId="0" borderId="16" xfId="0" applyFont="1" applyFill="1" applyBorder="1" applyAlignment="1">
      <alignment horizontal="right"/>
    </xf>
    <xf numFmtId="0" fontId="3" fillId="0" borderId="10" xfId="0" applyFont="1" applyFill="1" applyBorder="1" applyAlignment="1">
      <alignment horizontal="right"/>
    </xf>
    <xf numFmtId="38" fontId="5" fillId="0" borderId="13" xfId="0" applyNumberFormat="1" applyFont="1" applyFill="1" applyBorder="1"/>
    <xf numFmtId="38" fontId="5" fillId="0" borderId="21" xfId="1" applyFont="1" applyFill="1" applyBorder="1"/>
    <xf numFmtId="38" fontId="5" fillId="0" borderId="13" xfId="1" applyFont="1" applyFill="1" applyBorder="1" applyAlignment="1">
      <alignment horizontal="right"/>
    </xf>
    <xf numFmtId="38" fontId="5" fillId="0" borderId="21" xfId="1" applyFont="1" applyFill="1" applyBorder="1" applyAlignment="1">
      <alignment horizontal="right"/>
    </xf>
    <xf numFmtId="37" fontId="5" fillId="0" borderId="13" xfId="0" applyNumberFormat="1" applyFont="1" applyFill="1" applyBorder="1"/>
    <xf numFmtId="37" fontId="5" fillId="0" borderId="21" xfId="0" applyNumberFormat="1" applyFont="1" applyFill="1" applyBorder="1"/>
    <xf numFmtId="38" fontId="5" fillId="0" borderId="14" xfId="0" applyNumberFormat="1" applyFont="1" applyFill="1" applyBorder="1"/>
    <xf numFmtId="38" fontId="5" fillId="0" borderId="0" xfId="0" applyNumberFormat="1" applyFont="1" applyFill="1" applyBorder="1"/>
    <xf numFmtId="38" fontId="5" fillId="0" borderId="0" xfId="1" applyFont="1" applyFill="1" applyBorder="1"/>
    <xf numFmtId="38" fontId="5" fillId="0" borderId="0" xfId="1" applyFont="1" applyFill="1" applyBorder="1" applyAlignment="1">
      <alignment horizontal="right"/>
    </xf>
    <xf numFmtId="37" fontId="5" fillId="0" borderId="0" xfId="0" applyNumberFormat="1" applyFont="1" applyFill="1" applyBorder="1"/>
    <xf numFmtId="0" fontId="0" fillId="0" borderId="0" xfId="0" applyFill="1"/>
    <xf numFmtId="177" fontId="3" fillId="0" borderId="13" xfId="0" applyNumberFormat="1" applyFont="1" applyFill="1" applyBorder="1"/>
    <xf numFmtId="177" fontId="3" fillId="0" borderId="8" xfId="0" applyNumberFormat="1" applyFont="1" applyFill="1" applyBorder="1"/>
    <xf numFmtId="177" fontId="3" fillId="0" borderId="20" xfId="0" applyNumberFormat="1" applyFont="1" applyFill="1" applyBorder="1"/>
    <xf numFmtId="177" fontId="3" fillId="0" borderId="6" xfId="0" applyNumberFormat="1" applyFont="1" applyFill="1" applyBorder="1"/>
    <xf numFmtId="177" fontId="3" fillId="0" borderId="11" xfId="0" applyNumberFormat="1" applyFont="1" applyFill="1" applyBorder="1"/>
    <xf numFmtId="177" fontId="3" fillId="0" borderId="14" xfId="0" applyNumberFormat="1" applyFont="1" applyFill="1" applyBorder="1"/>
    <xf numFmtId="0" fontId="56" fillId="0" borderId="0" xfId="3" applyFont="1" applyFill="1"/>
    <xf numFmtId="0" fontId="3" fillId="0" borderId="0" xfId="3" applyFill="1"/>
    <xf numFmtId="0" fontId="16" fillId="0" borderId="0" xfId="3" applyFont="1" applyFill="1"/>
    <xf numFmtId="0" fontId="9" fillId="0" borderId="3" xfId="3" applyFont="1" applyFill="1" applyBorder="1"/>
    <xf numFmtId="0" fontId="9" fillId="0" borderId="1" xfId="3" applyFont="1" applyFill="1" applyBorder="1"/>
    <xf numFmtId="0" fontId="9" fillId="0" borderId="9" xfId="3" applyFont="1" applyFill="1" applyBorder="1" applyAlignment="1">
      <alignment horizontal="center"/>
    </xf>
    <xf numFmtId="0" fontId="9" fillId="0" borderId="0" xfId="3" applyFont="1" applyFill="1" applyBorder="1"/>
    <xf numFmtId="0" fontId="9" fillId="0" borderId="20" xfId="3" applyFont="1" applyFill="1" applyBorder="1"/>
    <xf numFmtId="0" fontId="9" fillId="0" borderId="11" xfId="3" applyFont="1" applyFill="1" applyBorder="1"/>
    <xf numFmtId="0" fontId="9" fillId="0" borderId="36" xfId="3" applyFont="1" applyFill="1" applyBorder="1"/>
    <xf numFmtId="0" fontId="9" fillId="0" borderId="9" xfId="3" applyFont="1" applyFill="1" applyBorder="1" applyAlignment="1">
      <alignment horizontal="center" vertical="center" wrapText="1"/>
    </xf>
    <xf numFmtId="0" fontId="9" fillId="0" borderId="0" xfId="3" applyFont="1" applyFill="1" applyBorder="1" applyAlignment="1">
      <alignment horizontal="center"/>
    </xf>
    <xf numFmtId="0" fontId="9" fillId="0" borderId="16" xfId="3" applyFont="1" applyFill="1" applyBorder="1" applyAlignment="1">
      <alignment horizontal="center"/>
    </xf>
    <xf numFmtId="0" fontId="9" fillId="0" borderId="20" xfId="3" applyFont="1" applyFill="1" applyBorder="1" applyAlignment="1">
      <alignment horizontal="center"/>
    </xf>
    <xf numFmtId="0" fontId="9" fillId="0" borderId="8" xfId="3" applyFont="1" applyFill="1" applyBorder="1" applyAlignment="1">
      <alignment horizontal="center"/>
    </xf>
    <xf numFmtId="0" fontId="9" fillId="0" borderId="6" xfId="3" applyFont="1" applyFill="1" applyBorder="1" applyAlignment="1">
      <alignment horizontal="center" vertical="center"/>
    </xf>
    <xf numFmtId="0" fontId="9" fillId="0" borderId="4" xfId="3" applyFont="1" applyFill="1" applyBorder="1" applyAlignment="1">
      <alignment horizontal="center" vertical="center"/>
    </xf>
    <xf numFmtId="0" fontId="9" fillId="0" borderId="22" xfId="3" applyFont="1" applyFill="1" applyBorder="1" applyAlignment="1">
      <alignment horizontal="center" vertical="center"/>
    </xf>
    <xf numFmtId="0" fontId="16" fillId="0" borderId="16" xfId="3" applyFont="1" applyFill="1" applyBorder="1" applyAlignment="1">
      <alignment horizontal="right" indent="1"/>
    </xf>
    <xf numFmtId="0" fontId="3" fillId="0" borderId="9" xfId="3" applyFont="1" applyFill="1" applyBorder="1"/>
    <xf numFmtId="0" fontId="16" fillId="0" borderId="0" xfId="3" applyFont="1" applyFill="1" applyAlignment="1">
      <alignment horizontal="right"/>
    </xf>
    <xf numFmtId="0" fontId="16" fillId="0" borderId="8" xfId="3" applyFont="1" applyFill="1" applyBorder="1" applyAlignment="1">
      <alignment horizontal="right"/>
    </xf>
    <xf numFmtId="0" fontId="16" fillId="0" borderId="9" xfId="3" applyFont="1" applyFill="1" applyBorder="1" applyAlignment="1">
      <alignment horizontal="right"/>
    </xf>
    <xf numFmtId="0" fontId="16" fillId="0" borderId="16" xfId="3" applyFont="1" applyFill="1" applyBorder="1" applyAlignment="1">
      <alignment horizontal="right"/>
    </xf>
    <xf numFmtId="0" fontId="9" fillId="0" borderId="0" xfId="3" applyFont="1" applyFill="1" applyAlignment="1">
      <alignment horizontal="center" vertical="center"/>
    </xf>
    <xf numFmtId="38" fontId="6" fillId="0" borderId="9" xfId="3" applyNumberFormat="1" applyFont="1" applyFill="1" applyBorder="1" applyAlignment="1">
      <alignment horizontal="right" vertical="center" indent="1"/>
    </xf>
    <xf numFmtId="0" fontId="9" fillId="0" borderId="9" xfId="3" applyFont="1" applyFill="1" applyBorder="1" applyAlignment="1">
      <alignment horizontal="center" vertical="center"/>
    </xf>
    <xf numFmtId="0" fontId="57" fillId="0" borderId="9" xfId="3" applyFont="1" applyFill="1" applyBorder="1" applyAlignment="1">
      <alignment horizontal="center" vertical="center"/>
    </xf>
    <xf numFmtId="0" fontId="9" fillId="0" borderId="0" xfId="3" quotePrefix="1" applyFont="1" applyFill="1" applyAlignment="1">
      <alignment horizontal="center" vertical="center"/>
    </xf>
    <xf numFmtId="0" fontId="9" fillId="0" borderId="9" xfId="3" quotePrefix="1" applyFont="1" applyFill="1" applyBorder="1" applyAlignment="1">
      <alignment horizontal="center" vertical="center"/>
    </xf>
    <xf numFmtId="0" fontId="6" fillId="0" borderId="1" xfId="3" applyFont="1" applyFill="1" applyBorder="1" applyAlignment="1">
      <alignment horizontal="right"/>
    </xf>
    <xf numFmtId="0" fontId="6" fillId="0" borderId="1" xfId="3" applyFont="1" applyFill="1" applyBorder="1" applyAlignment="1"/>
    <xf numFmtId="0" fontId="9" fillId="0" borderId="0" xfId="3" applyFont="1" applyFill="1"/>
    <xf numFmtId="0" fontId="48" fillId="0" borderId="0" xfId="0" applyFont="1" applyFill="1"/>
    <xf numFmtId="0" fontId="3" fillId="0" borderId="3" xfId="0" applyFont="1" applyFill="1" applyBorder="1" applyAlignment="1">
      <alignment horizontal="center"/>
    </xf>
    <xf numFmtId="0" fontId="3" fillId="0" borderId="1" xfId="0" applyFont="1" applyFill="1" applyBorder="1" applyAlignment="1">
      <alignment horizontal="center"/>
    </xf>
    <xf numFmtId="0" fontId="3" fillId="0" borderId="0" xfId="0" quotePrefix="1" applyFont="1" applyFill="1" applyBorder="1" applyAlignment="1">
      <alignment horizontal="left"/>
    </xf>
    <xf numFmtId="0" fontId="44" fillId="0" borderId="0" xfId="0" quotePrefix="1" applyFont="1" applyFill="1" applyBorder="1" applyAlignment="1">
      <alignment horizontal="left"/>
    </xf>
    <xf numFmtId="0" fontId="44" fillId="0" borderId="0" xfId="0" applyFont="1" applyFill="1" applyBorder="1" applyAlignment="1">
      <alignment horizontal="left"/>
    </xf>
    <xf numFmtId="38" fontId="4" fillId="0" borderId="9" xfId="0" applyNumberFormat="1" applyFont="1" applyFill="1" applyBorder="1"/>
    <xf numFmtId="38" fontId="4" fillId="0" borderId="0" xfId="1" applyFont="1" applyFill="1" applyBorder="1"/>
    <xf numFmtId="38" fontId="4" fillId="0" borderId="9" xfId="1" quotePrefix="1" applyFont="1" applyFill="1" applyBorder="1" applyAlignment="1">
      <alignment horizontal="right"/>
    </xf>
    <xf numFmtId="38" fontId="4" fillId="0" borderId="16" xfId="1" quotePrefix="1" applyFont="1" applyFill="1" applyBorder="1" applyAlignment="1">
      <alignment horizontal="right"/>
    </xf>
    <xf numFmtId="0" fontId="54" fillId="0" borderId="0" xfId="0" applyFont="1" applyFill="1"/>
    <xf numFmtId="0" fontId="45" fillId="0" borderId="0" xfId="0" applyFont="1" applyFill="1" applyBorder="1"/>
    <xf numFmtId="0" fontId="45" fillId="0" borderId="0" xfId="0" quotePrefix="1" applyFont="1" applyFill="1" applyBorder="1" applyAlignment="1">
      <alignment horizontal="distributed"/>
    </xf>
    <xf numFmtId="38" fontId="5" fillId="0" borderId="9" xfId="0" applyNumberFormat="1" applyFont="1" applyFill="1" applyBorder="1"/>
    <xf numFmtId="38" fontId="5" fillId="0" borderId="9" xfId="1" quotePrefix="1" applyFont="1" applyFill="1" applyBorder="1" applyAlignment="1">
      <alignment horizontal="right"/>
    </xf>
    <xf numFmtId="38" fontId="5" fillId="0" borderId="10" xfId="1" applyFont="1" applyFill="1" applyBorder="1"/>
    <xf numFmtId="37" fontId="5" fillId="0" borderId="9" xfId="0" applyNumberFormat="1" applyFont="1" applyFill="1" applyBorder="1"/>
    <xf numFmtId="38" fontId="5" fillId="0" borderId="16" xfId="0" applyNumberFormat="1" applyFont="1" applyFill="1" applyBorder="1"/>
    <xf numFmtId="0" fontId="45" fillId="0" borderId="0" xfId="0" applyFont="1" applyFill="1" applyBorder="1" applyAlignment="1">
      <alignment horizontal="distributed"/>
    </xf>
    <xf numFmtId="38" fontId="4" fillId="0" borderId="16" xfId="1" applyFont="1" applyFill="1" applyBorder="1"/>
    <xf numFmtId="38" fontId="4" fillId="0" borderId="9" xfId="1" applyFont="1" applyFill="1" applyBorder="1"/>
    <xf numFmtId="38" fontId="4" fillId="0" borderId="10" xfId="1" applyFont="1" applyFill="1" applyBorder="1"/>
    <xf numFmtId="38" fontId="4" fillId="0" borderId="16" xfId="0" applyNumberFormat="1" applyFont="1" applyFill="1" applyBorder="1"/>
    <xf numFmtId="0" fontId="45" fillId="0" borderId="0" xfId="0" applyFont="1" applyFill="1" applyBorder="1" applyAlignment="1">
      <alignment horizontal="distributed" vertical="top"/>
    </xf>
    <xf numFmtId="38" fontId="5" fillId="0" borderId="9" xfId="0" applyNumberFormat="1" applyFont="1" applyFill="1" applyBorder="1" applyAlignment="1"/>
    <xf numFmtId="38" fontId="5" fillId="0" borderId="16" xfId="0" applyNumberFormat="1" applyFont="1" applyFill="1" applyBorder="1" applyAlignment="1"/>
    <xf numFmtId="0" fontId="5" fillId="0" borderId="21" xfId="0" applyFont="1" applyFill="1" applyBorder="1"/>
    <xf numFmtId="0" fontId="5" fillId="0" borderId="21" xfId="0" applyFont="1" applyFill="1" applyBorder="1" applyAlignment="1">
      <alignment horizontal="distributed"/>
    </xf>
    <xf numFmtId="0" fontId="5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5" fillId="0" borderId="0" xfId="0" applyNumberFormat="1" applyFont="1" applyFill="1"/>
    <xf numFmtId="0" fontId="55" fillId="0" borderId="0" xfId="0" applyFont="1" applyFill="1"/>
    <xf numFmtId="38" fontId="0" fillId="0" borderId="0" xfId="0" applyNumberFormat="1" applyFill="1"/>
    <xf numFmtId="0" fontId="22" fillId="0" borderId="0" xfId="0" applyFont="1" applyFill="1"/>
    <xf numFmtId="0" fontId="48" fillId="0" borderId="0" xfId="4" applyFont="1" applyFill="1"/>
    <xf numFmtId="0" fontId="53" fillId="0" borderId="0" xfId="4" applyFont="1" applyFill="1" applyAlignment="1">
      <alignment vertical="center"/>
    </xf>
    <xf numFmtId="0" fontId="3" fillId="0" borderId="22" xfId="4" applyFont="1" applyFill="1" applyBorder="1" applyAlignment="1">
      <alignment horizontal="center"/>
    </xf>
    <xf numFmtId="0" fontId="3" fillId="0" borderId="6" xfId="4" applyFont="1" applyFill="1" applyBorder="1" applyAlignment="1">
      <alignment horizontal="center"/>
    </xf>
    <xf numFmtId="0" fontId="3" fillId="0" borderId="4" xfId="4" applyFont="1" applyFill="1" applyBorder="1" applyAlignment="1">
      <alignment horizontal="center"/>
    </xf>
    <xf numFmtId="0" fontId="3" fillId="0" borderId="23" xfId="4" applyFont="1" applyFill="1" applyBorder="1" applyAlignment="1">
      <alignment horizontal="center"/>
    </xf>
    <xf numFmtId="0" fontId="3" fillId="0" borderId="5" xfId="4" applyFont="1" applyFill="1" applyBorder="1" applyAlignment="1">
      <alignment horizontal="center"/>
    </xf>
    <xf numFmtId="0" fontId="4" fillId="0" borderId="0" xfId="4" quotePrefix="1" applyFont="1" applyFill="1" applyBorder="1" applyAlignment="1">
      <alignment horizontal="left"/>
    </xf>
    <xf numFmtId="0" fontId="4" fillId="0" borderId="10" xfId="4" applyFont="1" applyFill="1" applyBorder="1" applyAlignment="1">
      <alignment horizontal="left"/>
    </xf>
    <xf numFmtId="37" fontId="4" fillId="0" borderId="16" xfId="4" applyNumberFormat="1" applyFont="1" applyFill="1" applyBorder="1"/>
    <xf numFmtId="37" fontId="4" fillId="0" borderId="9" xfId="4" applyNumberFormat="1" applyFont="1" applyFill="1" applyBorder="1"/>
    <xf numFmtId="37" fontId="4" fillId="0" borderId="10" xfId="4" applyNumberFormat="1" applyFont="1" applyFill="1" applyBorder="1"/>
    <xf numFmtId="37" fontId="4" fillId="0" borderId="0" xfId="4" applyNumberFormat="1" applyFont="1" applyFill="1" applyBorder="1"/>
    <xf numFmtId="0" fontId="44" fillId="0" borderId="0" xfId="4" applyFont="1" applyFill="1"/>
    <xf numFmtId="0" fontId="12" fillId="0" borderId="0" xfId="4" applyFont="1" applyFill="1"/>
    <xf numFmtId="0" fontId="5" fillId="0" borderId="0" xfId="4" applyFont="1" applyFill="1" applyBorder="1"/>
    <xf numFmtId="0" fontId="5" fillId="0" borderId="0" xfId="4" quotePrefix="1" applyFont="1" applyFill="1" applyBorder="1" applyAlignment="1">
      <alignment horizontal="distributed"/>
    </xf>
    <xf numFmtId="37" fontId="5" fillId="0" borderId="16" xfId="4" applyNumberFormat="1" applyFont="1" applyFill="1" applyBorder="1"/>
    <xf numFmtId="37" fontId="5" fillId="0" borderId="9" xfId="4" applyNumberFormat="1" applyFont="1" applyFill="1" applyBorder="1"/>
    <xf numFmtId="37" fontId="5" fillId="0" borderId="10" xfId="4" applyNumberFormat="1" applyFont="1" applyFill="1" applyBorder="1"/>
    <xf numFmtId="0" fontId="45" fillId="0" borderId="0" xfId="4" applyFont="1" applyFill="1" applyBorder="1"/>
    <xf numFmtId="0" fontId="5" fillId="0" borderId="0" xfId="4" applyFont="1" applyFill="1" applyBorder="1" applyAlignment="1">
      <alignment horizontal="distributed"/>
    </xf>
    <xf numFmtId="0" fontId="44" fillId="0" borderId="0" xfId="4" applyFont="1" applyFill="1" applyBorder="1"/>
    <xf numFmtId="0" fontId="4" fillId="0" borderId="0" xfId="4" applyFont="1" applyFill="1" applyBorder="1" applyAlignment="1">
      <alignment horizontal="left"/>
    </xf>
    <xf numFmtId="0" fontId="5" fillId="0" borderId="0" xfId="4" applyFont="1" applyFill="1" applyBorder="1" applyAlignment="1">
      <alignment horizontal="distributed" vertical="top"/>
    </xf>
    <xf numFmtId="37" fontId="5" fillId="0" borderId="0" xfId="4" applyNumberFormat="1" applyFont="1" applyFill="1" applyBorder="1" applyAlignment="1">
      <alignment vertical="top"/>
    </xf>
    <xf numFmtId="37" fontId="5" fillId="0" borderId="9" xfId="4" applyNumberFormat="1" applyFont="1" applyFill="1" applyBorder="1" applyAlignment="1">
      <alignment vertical="top"/>
    </xf>
    <xf numFmtId="37" fontId="5" fillId="0" borderId="16" xfId="4" applyNumberFormat="1" applyFont="1" applyFill="1" applyBorder="1" applyAlignment="1">
      <alignment vertical="top"/>
    </xf>
    <xf numFmtId="0" fontId="45" fillId="0" borderId="0" xfId="4" applyFont="1" applyFill="1"/>
    <xf numFmtId="0" fontId="3" fillId="0" borderId="21" xfId="4" applyFont="1" applyFill="1" applyBorder="1"/>
    <xf numFmtId="0" fontId="3" fillId="0" borderId="21" xfId="4" applyFont="1" applyFill="1" applyBorder="1" applyAlignment="1">
      <alignment horizontal="distributed"/>
    </xf>
    <xf numFmtId="37" fontId="5" fillId="0" borderId="10" xfId="4" applyNumberFormat="1" applyFont="1" applyFill="1" applyBorder="1" applyAlignment="1">
      <alignment vertical="top"/>
    </xf>
    <xf numFmtId="0" fontId="13" fillId="0" borderId="0" xfId="4" applyFill="1" applyAlignment="1"/>
    <xf numFmtId="38" fontId="4" fillId="0" borderId="16" xfId="5" applyFont="1" applyFill="1" applyBorder="1"/>
    <xf numFmtId="38" fontId="4" fillId="0" borderId="9" xfId="5" applyFont="1" applyFill="1" applyBorder="1"/>
    <xf numFmtId="38" fontId="4" fillId="0" borderId="10" xfId="5" applyFont="1" applyFill="1" applyBorder="1"/>
    <xf numFmtId="38" fontId="4" fillId="0" borderId="0" xfId="5" applyFont="1" applyFill="1" applyBorder="1"/>
    <xf numFmtId="38" fontId="4" fillId="0" borderId="20" xfId="5" applyFont="1" applyFill="1" applyBorder="1"/>
    <xf numFmtId="38" fontId="5" fillId="0" borderId="16" xfId="5" applyFont="1" applyFill="1" applyBorder="1"/>
    <xf numFmtId="38" fontId="5" fillId="0" borderId="9" xfId="5" applyFont="1" applyFill="1" applyBorder="1"/>
    <xf numFmtId="38" fontId="5" fillId="0" borderId="10" xfId="5" applyFont="1" applyFill="1" applyBorder="1"/>
    <xf numFmtId="38" fontId="5" fillId="0" borderId="0" xfId="5" applyFont="1" applyFill="1" applyBorder="1"/>
    <xf numFmtId="38" fontId="5" fillId="0" borderId="9" xfId="5" applyFont="1" applyFill="1" applyBorder="1" applyAlignment="1">
      <alignment vertical="top"/>
    </xf>
    <xf numFmtId="38" fontId="5" fillId="0" borderId="0" xfId="5" applyFont="1" applyFill="1" applyBorder="1" applyAlignment="1">
      <alignment vertical="top"/>
    </xf>
    <xf numFmtId="38" fontId="5" fillId="0" borderId="16" xfId="5" applyFont="1" applyFill="1" applyBorder="1" applyAlignment="1">
      <alignment vertical="top"/>
    </xf>
    <xf numFmtId="38" fontId="5" fillId="0" borderId="10" xfId="5" applyFont="1" applyFill="1" applyBorder="1" applyAlignment="1">
      <alignment vertical="top"/>
    </xf>
    <xf numFmtId="37" fontId="13" fillId="0" borderId="0" xfId="4" applyNumberFormat="1" applyFill="1"/>
    <xf numFmtId="0" fontId="5" fillId="0" borderId="10" xfId="4" quotePrefix="1" applyFont="1" applyFill="1" applyBorder="1" applyAlignment="1">
      <alignment horizontal="distributed"/>
    </xf>
    <xf numFmtId="37" fontId="5" fillId="0" borderId="9" xfId="4" quotePrefix="1" applyNumberFormat="1" applyFont="1" applyFill="1" applyBorder="1" applyAlignment="1">
      <alignment horizontal="right"/>
    </xf>
    <xf numFmtId="37" fontId="5" fillId="0" borderId="10" xfId="4" quotePrefix="1" applyNumberFormat="1" applyFont="1" applyFill="1" applyBorder="1" applyAlignment="1">
      <alignment horizontal="right"/>
    </xf>
    <xf numFmtId="0" fontId="5" fillId="0" borderId="10" xfId="4" applyFont="1" applyFill="1" applyBorder="1" applyAlignment="1">
      <alignment horizontal="distributed"/>
    </xf>
    <xf numFmtId="37" fontId="5" fillId="0" borderId="9" xfId="4" applyNumberFormat="1" applyFont="1" applyFill="1" applyBorder="1" applyAlignment="1">
      <alignment horizontal="right"/>
    </xf>
    <xf numFmtId="37" fontId="5" fillId="0" borderId="10" xfId="4" applyNumberFormat="1" applyFont="1" applyFill="1" applyBorder="1" applyAlignment="1">
      <alignment horizontal="right"/>
    </xf>
    <xf numFmtId="37" fontId="5" fillId="0" borderId="16" xfId="4" applyNumberFormat="1" applyFont="1" applyFill="1" applyBorder="1" applyAlignment="1">
      <alignment horizontal="right"/>
    </xf>
    <xf numFmtId="0" fontId="4" fillId="0" borderId="0" xfId="4" applyFont="1" applyFill="1" applyBorder="1" applyAlignment="1">
      <alignment horizontal="left" vertical="top"/>
    </xf>
    <xf numFmtId="0" fontId="5" fillId="0" borderId="10" xfId="4" applyFont="1" applyFill="1" applyBorder="1" applyAlignment="1">
      <alignment horizontal="distributed" vertical="top"/>
    </xf>
    <xf numFmtId="37" fontId="5" fillId="0" borderId="16" xfId="4" applyNumberFormat="1" applyFont="1" applyFill="1" applyBorder="1" applyAlignment="1">
      <alignment horizontal="right" vertical="top"/>
    </xf>
    <xf numFmtId="37" fontId="5" fillId="0" borderId="9" xfId="4" applyNumberFormat="1" applyFont="1" applyFill="1" applyBorder="1" applyAlignment="1">
      <alignment horizontal="right" vertical="top"/>
    </xf>
    <xf numFmtId="0" fontId="44" fillId="0" borderId="0" xfId="4" applyFont="1" applyFill="1" applyAlignment="1">
      <alignment vertical="top"/>
    </xf>
    <xf numFmtId="0" fontId="12" fillId="0" borderId="0" xfId="4" applyFont="1" applyFill="1" applyAlignment="1">
      <alignment vertical="top"/>
    </xf>
    <xf numFmtId="0" fontId="3" fillId="0" borderId="14" xfId="4" applyFont="1" applyFill="1" applyBorder="1"/>
    <xf numFmtId="0" fontId="52" fillId="0" borderId="21" xfId="4" applyFont="1" applyFill="1" applyBorder="1" applyAlignment="1">
      <alignment horizontal="right"/>
    </xf>
    <xf numFmtId="0" fontId="3" fillId="0" borderId="3" xfId="4" applyFont="1" applyFill="1" applyBorder="1" applyAlignment="1">
      <alignment vertical="center"/>
    </xf>
    <xf numFmtId="0" fontId="44" fillId="0" borderId="0" xfId="4" applyFont="1" applyFill="1" applyAlignment="1"/>
    <xf numFmtId="0" fontId="44" fillId="0" borderId="20" xfId="4" applyFont="1" applyFill="1" applyBorder="1" applyAlignment="1"/>
    <xf numFmtId="0" fontId="44" fillId="0" borderId="11" xfId="4" applyFont="1" applyFill="1" applyBorder="1" applyAlignment="1">
      <alignment horizontal="center"/>
    </xf>
    <xf numFmtId="0" fontId="14" fillId="0" borderId="9" xfId="4" applyFont="1" applyFill="1" applyBorder="1" applyAlignment="1">
      <alignment horizontal="center"/>
    </xf>
    <xf numFmtId="0" fontId="12" fillId="0" borderId="16" xfId="4" applyFont="1" applyFill="1" applyBorder="1" applyAlignment="1">
      <alignment vertical="center"/>
    </xf>
    <xf numFmtId="0" fontId="12" fillId="0" borderId="6" xfId="4" applyFont="1" applyFill="1" applyBorder="1"/>
    <xf numFmtId="0" fontId="12" fillId="0" borderId="4" xfId="4" applyFont="1" applyFill="1" applyBorder="1"/>
    <xf numFmtId="0" fontId="45" fillId="0" borderId="23" xfId="4" applyFont="1" applyFill="1" applyBorder="1" applyAlignment="1">
      <alignment horizontal="center"/>
    </xf>
    <xf numFmtId="0" fontId="45" fillId="0" borderId="4" xfId="4" applyFont="1" applyFill="1" applyBorder="1" applyAlignment="1">
      <alignment horizontal="center"/>
    </xf>
    <xf numFmtId="0" fontId="45" fillId="0" borderId="22" xfId="4" applyFont="1" applyFill="1" applyBorder="1" applyAlignment="1">
      <alignment horizontal="center"/>
    </xf>
    <xf numFmtId="0" fontId="45" fillId="0" borderId="25" xfId="4" applyFont="1" applyFill="1" applyBorder="1" applyAlignment="1">
      <alignment horizontal="center"/>
    </xf>
    <xf numFmtId="0" fontId="3" fillId="0" borderId="7" xfId="4" applyFont="1" applyFill="1" applyBorder="1" applyAlignment="1">
      <alignment horizontal="right" indent="1"/>
    </xf>
    <xf numFmtId="0" fontId="5" fillId="0" borderId="0" xfId="4" applyFont="1" applyFill="1" applyBorder="1" applyAlignment="1">
      <alignment horizontal="center" vertical="center"/>
    </xf>
    <xf numFmtId="0" fontId="3" fillId="0" borderId="8" xfId="4" applyFont="1" applyFill="1" applyBorder="1" applyAlignment="1">
      <alignment horizontal="right"/>
    </xf>
    <xf numFmtId="0" fontId="3" fillId="0" borderId="20" xfId="4" applyFont="1" applyFill="1" applyBorder="1" applyAlignment="1">
      <alignment horizontal="right"/>
    </xf>
    <xf numFmtId="0" fontId="5" fillId="0" borderId="9" xfId="4" applyFont="1" applyFill="1" applyBorder="1" applyAlignment="1">
      <alignment vertical="center" textRotation="255"/>
    </xf>
    <xf numFmtId="0" fontId="3" fillId="0" borderId="10" xfId="4" applyFont="1" applyFill="1" applyBorder="1" applyAlignment="1">
      <alignment horizontal="right" indent="1"/>
    </xf>
    <xf numFmtId="0" fontId="3" fillId="0" borderId="3" xfId="4" applyFont="1" applyFill="1" applyBorder="1" applyAlignment="1">
      <alignment horizontal="right"/>
    </xf>
    <xf numFmtId="0" fontId="45" fillId="0" borderId="0" xfId="4" applyFont="1" applyFill="1" applyAlignment="1">
      <alignment horizontal="left" vertical="center"/>
    </xf>
    <xf numFmtId="0" fontId="51" fillId="0" borderId="0" xfId="4" applyFont="1" applyFill="1" applyBorder="1" applyAlignment="1"/>
    <xf numFmtId="0" fontId="51" fillId="0" borderId="0" xfId="4" applyFont="1" applyFill="1" applyBorder="1"/>
    <xf numFmtId="0" fontId="51" fillId="0" borderId="0" xfId="4" applyFont="1" applyFill="1" applyAlignment="1"/>
    <xf numFmtId="38" fontId="13" fillId="0" borderId="16" xfId="5" applyFont="1" applyFill="1" applyBorder="1"/>
    <xf numFmtId="0" fontId="49" fillId="0" borderId="0" xfId="4" applyFont="1" applyFill="1" applyAlignment="1">
      <alignment horizontal="right"/>
    </xf>
    <xf numFmtId="0" fontId="12" fillId="0" borderId="0" xfId="4" applyFont="1" applyFill="1" applyAlignment="1"/>
    <xf numFmtId="0" fontId="5" fillId="0" borderId="9" xfId="4" applyFont="1" applyFill="1" applyBorder="1" applyAlignment="1">
      <alignment horizontal="center"/>
    </xf>
    <xf numFmtId="0" fontId="12" fillId="0" borderId="0" xfId="4" applyFont="1" applyFill="1" applyAlignment="1">
      <alignment vertical="center"/>
    </xf>
    <xf numFmtId="0" fontId="12" fillId="0" borderId="0" xfId="4" applyFont="1" applyFill="1" applyBorder="1" applyAlignment="1">
      <alignment vertical="center"/>
    </xf>
    <xf numFmtId="38" fontId="4" fillId="0" borderId="10" xfId="5" applyFont="1" applyFill="1" applyBorder="1" applyAlignment="1">
      <alignment horizontal="right" indent="1"/>
    </xf>
    <xf numFmtId="38" fontId="12" fillId="0" borderId="0" xfId="4" applyNumberFormat="1" applyFont="1" applyFill="1" applyAlignment="1"/>
    <xf numFmtId="0" fontId="44" fillId="0" borderId="29" xfId="4" applyFont="1" applyFill="1" applyBorder="1" applyAlignment="1">
      <alignment horizontal="left" vertical="center"/>
    </xf>
    <xf numFmtId="38" fontId="5" fillId="0" borderId="45" xfId="5" applyFont="1" applyFill="1" applyBorder="1" applyAlignment="1">
      <alignment horizontal="right" vertical="center" indent="1"/>
    </xf>
    <xf numFmtId="0" fontId="12" fillId="0" borderId="38" xfId="4" applyFont="1" applyFill="1" applyBorder="1" applyAlignment="1">
      <alignment vertical="center"/>
    </xf>
    <xf numFmtId="38" fontId="5" fillId="0" borderId="21" xfId="5" applyFont="1" applyFill="1" applyBorder="1" applyAlignment="1">
      <alignment horizontal="right" vertical="center" indent="1"/>
    </xf>
    <xf numFmtId="38" fontId="13" fillId="0" borderId="0" xfId="4" applyNumberFormat="1" applyFill="1"/>
    <xf numFmtId="0" fontId="13" fillId="0" borderId="21" xfId="4" applyFill="1" applyBorder="1"/>
    <xf numFmtId="0" fontId="49" fillId="0" borderId="21" xfId="4" applyFont="1" applyFill="1" applyBorder="1" applyAlignment="1">
      <alignment horizontal="right"/>
    </xf>
    <xf numFmtId="0" fontId="3" fillId="0" borderId="0" xfId="4" applyFont="1" applyFill="1" applyBorder="1" applyAlignment="1">
      <alignment horizontal="right" indent="1"/>
    </xf>
    <xf numFmtId="38" fontId="4" fillId="0" borderId="0" xfId="5" applyFont="1" applyFill="1" applyBorder="1" applyAlignment="1">
      <alignment horizontal="right" indent="1"/>
    </xf>
    <xf numFmtId="38" fontId="5" fillId="0" borderId="0" xfId="5" applyFont="1" applyFill="1" applyBorder="1" applyAlignment="1">
      <alignment horizontal="right" vertical="center" indent="1"/>
    </xf>
    <xf numFmtId="0" fontId="3" fillId="0" borderId="0" xfId="4" applyFont="1" applyFill="1" applyAlignment="1">
      <alignment horizontal="left" vertical="center"/>
    </xf>
    <xf numFmtId="38" fontId="44" fillId="0" borderId="16" xfId="5" applyNumberFormat="1" applyFont="1" applyFill="1" applyBorder="1" applyAlignment="1">
      <alignment horizontal="right" vertical="center"/>
    </xf>
    <xf numFmtId="38" fontId="45" fillId="0" borderId="16" xfId="5" applyFont="1" applyFill="1" applyBorder="1" applyAlignment="1">
      <alignment horizontal="right" vertical="center"/>
    </xf>
    <xf numFmtId="0" fontId="26" fillId="0" borderId="9" xfId="4" applyFont="1" applyFill="1" applyBorder="1" applyAlignment="1">
      <alignment horizontal="left" vertical="center"/>
    </xf>
    <xf numFmtId="38" fontId="45" fillId="0" borderId="26" xfId="5" applyFont="1" applyFill="1" applyBorder="1" applyAlignment="1">
      <alignment horizontal="right" vertical="center"/>
    </xf>
    <xf numFmtId="0" fontId="26" fillId="0" borderId="26" xfId="4" applyFont="1" applyFill="1" applyBorder="1" applyAlignment="1">
      <alignment horizontal="left" vertical="center"/>
    </xf>
    <xf numFmtId="38" fontId="45" fillId="0" borderId="29" xfId="5" applyFont="1" applyFill="1" applyBorder="1" applyAlignment="1">
      <alignment horizontal="right" vertical="center"/>
    </xf>
    <xf numFmtId="0" fontId="26" fillId="0" borderId="29" xfId="4" applyFont="1" applyFill="1" applyBorder="1" applyAlignment="1">
      <alignment horizontal="left" vertical="center"/>
    </xf>
    <xf numFmtId="38" fontId="45" fillId="0" borderId="6" xfId="5" applyFont="1" applyFill="1" applyBorder="1" applyAlignment="1">
      <alignment horizontal="right" vertical="center"/>
    </xf>
    <xf numFmtId="0" fontId="26" fillId="0" borderId="38" xfId="4" applyFont="1" applyFill="1" applyBorder="1" applyAlignment="1">
      <alignment vertical="center"/>
    </xf>
    <xf numFmtId="38" fontId="45" fillId="0" borderId="8" xfId="5" applyFont="1" applyFill="1" applyBorder="1" applyAlignment="1">
      <alignment horizontal="right" vertical="center"/>
    </xf>
    <xf numFmtId="38" fontId="45" fillId="0" borderId="14" xfId="5" applyFont="1" applyFill="1" applyBorder="1" applyAlignment="1">
      <alignment horizontal="right" vertical="center"/>
    </xf>
    <xf numFmtId="0" fontId="6" fillId="0" borderId="0" xfId="4" applyFont="1" applyFill="1" applyAlignment="1">
      <alignment horizontal="left" vertical="center"/>
    </xf>
    <xf numFmtId="0" fontId="11" fillId="0" borderId="0" xfId="4" applyFont="1" applyFill="1" applyAlignment="1">
      <alignment horizontal="left" vertical="center"/>
    </xf>
    <xf numFmtId="3" fontId="3" fillId="0" borderId="0" xfId="4" applyNumberFormat="1" applyFont="1" applyFill="1" applyAlignment="1">
      <alignment horizontal="left" vertical="center"/>
    </xf>
    <xf numFmtId="0" fontId="27" fillId="0" borderId="1" xfId="4" applyFont="1" applyFill="1" applyBorder="1" applyAlignment="1">
      <alignment vertical="center"/>
    </xf>
    <xf numFmtId="0" fontId="5" fillId="0" borderId="0" xfId="4" applyFont="1" applyFill="1" applyAlignment="1">
      <alignment vertical="center"/>
    </xf>
    <xf numFmtId="0" fontId="13" fillId="0" borderId="0" xfId="4" applyFill="1" applyAlignment="1">
      <alignment vertical="center"/>
    </xf>
    <xf numFmtId="3" fontId="12" fillId="0" borderId="6" xfId="4" applyNumberFormat="1" applyFont="1" applyFill="1" applyBorder="1" applyAlignment="1">
      <alignment horizontal="center" vertical="center"/>
    </xf>
    <xf numFmtId="3" fontId="12" fillId="0" borderId="5" xfId="4" applyNumberFormat="1" applyFont="1" applyFill="1" applyBorder="1" applyAlignment="1">
      <alignment horizontal="center" vertical="center"/>
    </xf>
    <xf numFmtId="0" fontId="12" fillId="0" borderId="5" xfId="4" applyFont="1" applyFill="1" applyBorder="1" applyAlignment="1">
      <alignment horizontal="center" vertical="center"/>
    </xf>
    <xf numFmtId="0" fontId="12" fillId="0" borderId="6" xfId="4" applyFont="1" applyFill="1" applyBorder="1" applyAlignment="1">
      <alignment horizontal="center" vertical="center"/>
    </xf>
    <xf numFmtId="0" fontId="12" fillId="0" borderId="41" xfId="4" applyFont="1" applyFill="1" applyBorder="1" applyAlignment="1">
      <alignment horizontal="center" vertical="center"/>
    </xf>
    <xf numFmtId="0" fontId="12" fillId="0" borderId="4" xfId="4" applyFont="1" applyFill="1" applyBorder="1" applyAlignment="1">
      <alignment horizontal="center" vertical="center"/>
    </xf>
    <xf numFmtId="0" fontId="12" fillId="0" borderId="22" xfId="4" applyFont="1" applyFill="1" applyBorder="1" applyAlignment="1">
      <alignment horizontal="center" vertical="center"/>
    </xf>
    <xf numFmtId="0" fontId="29" fillId="0" borderId="0" xfId="4" applyFont="1" applyFill="1" applyAlignment="1">
      <alignment horizontal="center"/>
    </xf>
    <xf numFmtId="3" fontId="9" fillId="0" borderId="9" xfId="4" applyNumberFormat="1" applyFont="1" applyFill="1" applyBorder="1" applyAlignment="1">
      <alignment horizontal="right" vertical="center"/>
    </xf>
    <xf numFmtId="3" fontId="9" fillId="0" borderId="0" xfId="4" applyNumberFormat="1" applyFont="1" applyFill="1" applyBorder="1" applyAlignment="1">
      <alignment horizontal="right" vertical="center"/>
    </xf>
    <xf numFmtId="3" fontId="9" fillId="0" borderId="10" xfId="4" applyNumberFormat="1" applyFont="1" applyFill="1" applyBorder="1" applyAlignment="1">
      <alignment horizontal="right" vertical="center"/>
    </xf>
    <xf numFmtId="0" fontId="9" fillId="0" borderId="10" xfId="4" applyFont="1" applyFill="1" applyBorder="1" applyAlignment="1">
      <alignment horizontal="right" vertical="center"/>
    </xf>
    <xf numFmtId="0" fontId="9" fillId="0" borderId="9" xfId="4" applyFont="1" applyFill="1" applyBorder="1" applyAlignment="1">
      <alignment horizontal="right" vertical="center"/>
    </xf>
    <xf numFmtId="0" fontId="9" fillId="0" borderId="42" xfId="4" applyFont="1" applyFill="1" applyBorder="1" applyAlignment="1">
      <alignment horizontal="right" vertical="center"/>
    </xf>
    <xf numFmtId="0" fontId="9" fillId="0" borderId="16" xfId="4" applyFont="1" applyFill="1" applyBorder="1" applyAlignment="1">
      <alignment horizontal="right" vertical="center"/>
    </xf>
    <xf numFmtId="0" fontId="9" fillId="0" borderId="0" xfId="4" applyFont="1" applyFill="1"/>
    <xf numFmtId="0" fontId="31" fillId="0" borderId="0" xfId="4" applyFont="1" applyFill="1"/>
    <xf numFmtId="178" fontId="12" fillId="0" borderId="10" xfId="4" applyNumberFormat="1" applyFont="1" applyFill="1" applyBorder="1" applyAlignment="1" applyProtection="1">
      <alignment horizontal="right" vertical="center"/>
    </xf>
    <xf numFmtId="178" fontId="12" fillId="0" borderId="42" xfId="4" applyNumberFormat="1" applyFont="1" applyFill="1" applyBorder="1" applyAlignment="1" applyProtection="1">
      <alignment horizontal="right" vertical="center"/>
    </xf>
    <xf numFmtId="180" fontId="12" fillId="0" borderId="9" xfId="4" applyNumberFormat="1" applyFont="1" applyFill="1" applyBorder="1" applyAlignment="1">
      <alignment horizontal="right" vertical="center"/>
    </xf>
    <xf numFmtId="180" fontId="12" fillId="0" borderId="42" xfId="4" applyNumberFormat="1" applyFont="1" applyFill="1" applyBorder="1" applyAlignment="1">
      <alignment horizontal="right" vertical="center"/>
    </xf>
    <xf numFmtId="2" fontId="12" fillId="0" borderId="0" xfId="4" applyNumberFormat="1" applyFont="1" applyFill="1" applyBorder="1" applyAlignment="1" applyProtection="1">
      <alignment horizontal="right" vertical="center"/>
    </xf>
    <xf numFmtId="180" fontId="12" fillId="0" borderId="16" xfId="4" applyNumberFormat="1" applyFont="1" applyFill="1" applyBorder="1" applyAlignment="1" applyProtection="1">
      <alignment horizontal="right" vertical="center"/>
    </xf>
    <xf numFmtId="3" fontId="12" fillId="0" borderId="10" xfId="5" applyNumberFormat="1" applyFont="1" applyFill="1" applyBorder="1" applyAlignment="1" applyProtection="1">
      <alignment horizontal="right" vertical="center"/>
    </xf>
    <xf numFmtId="3" fontId="12" fillId="0" borderId="9" xfId="5" applyNumberFormat="1" applyFont="1" applyFill="1" applyBorder="1" applyAlignment="1" applyProtection="1">
      <alignment horizontal="right" vertical="center"/>
    </xf>
    <xf numFmtId="0" fontId="4" fillId="0" borderId="0" xfId="4" applyFont="1" applyFill="1"/>
    <xf numFmtId="0" fontId="34" fillId="0" borderId="0" xfId="4" applyFont="1" applyFill="1"/>
    <xf numFmtId="3" fontId="12" fillId="0" borderId="9" xfId="5" applyNumberFormat="1" applyFont="1" applyFill="1" applyBorder="1" applyAlignment="1" applyProtection="1"/>
    <xf numFmtId="178" fontId="12" fillId="0" borderId="10" xfId="4" applyNumberFormat="1" applyFont="1" applyFill="1" applyBorder="1" applyAlignment="1" applyProtection="1"/>
    <xf numFmtId="178" fontId="12" fillId="0" borderId="42" xfId="4" applyNumberFormat="1" applyFont="1" applyFill="1" applyBorder="1" applyAlignment="1" applyProtection="1"/>
    <xf numFmtId="180" fontId="12" fillId="0" borderId="9" xfId="4" applyNumberFormat="1" applyFont="1" applyFill="1" applyBorder="1" applyAlignment="1"/>
    <xf numFmtId="180" fontId="12" fillId="0" borderId="42" xfId="4" applyNumberFormat="1" applyFont="1" applyFill="1" applyBorder="1" applyAlignment="1"/>
    <xf numFmtId="2" fontId="12" fillId="0" borderId="0" xfId="4" applyNumberFormat="1" applyFont="1" applyFill="1" applyBorder="1" applyAlignment="1" applyProtection="1">
      <alignment horizontal="right"/>
    </xf>
    <xf numFmtId="180" fontId="12" fillId="0" borderId="16" xfId="4" applyNumberFormat="1" applyFont="1" applyFill="1" applyBorder="1" applyAlignment="1" applyProtection="1"/>
    <xf numFmtId="178" fontId="12" fillId="0" borderId="10" xfId="4" applyNumberFormat="1" applyFont="1" applyFill="1" applyBorder="1" applyAlignment="1">
      <alignment horizontal="right" vertical="center"/>
    </xf>
    <xf numFmtId="178" fontId="12" fillId="0" borderId="42" xfId="4" applyNumberFormat="1" applyFont="1" applyFill="1" applyBorder="1" applyAlignment="1">
      <alignment horizontal="right" vertical="center"/>
    </xf>
    <xf numFmtId="2" fontId="12" fillId="0" borderId="0" xfId="4" applyNumberFormat="1" applyFont="1" applyFill="1" applyBorder="1" applyAlignment="1">
      <alignment horizontal="right" vertical="center"/>
    </xf>
    <xf numFmtId="180" fontId="12" fillId="0" borderId="16" xfId="4" applyNumberFormat="1" applyFont="1" applyFill="1" applyBorder="1" applyAlignment="1">
      <alignment horizontal="right" vertical="center"/>
    </xf>
    <xf numFmtId="0" fontId="38" fillId="0" borderId="0" xfId="4" applyFont="1" applyFill="1"/>
    <xf numFmtId="178" fontId="12" fillId="0" borderId="10" xfId="4" applyNumberFormat="1" applyFont="1" applyFill="1" applyBorder="1" applyAlignment="1"/>
    <xf numFmtId="178" fontId="12" fillId="0" borderId="42" xfId="4" applyNumberFormat="1" applyFont="1" applyFill="1" applyBorder="1" applyAlignment="1"/>
    <xf numFmtId="2" fontId="12" fillId="0" borderId="0" xfId="4" applyNumberFormat="1" applyFont="1" applyFill="1" applyBorder="1" applyAlignment="1">
      <alignment horizontal="right"/>
    </xf>
    <xf numFmtId="180" fontId="12" fillId="0" borderId="16" xfId="4" applyNumberFormat="1" applyFont="1" applyFill="1" applyBorder="1" applyAlignment="1"/>
    <xf numFmtId="3" fontId="3" fillId="0" borderId="9" xfId="5" applyNumberFormat="1" applyFont="1" applyFill="1" applyBorder="1" applyAlignment="1"/>
    <xf numFmtId="0" fontId="5" fillId="0" borderId="0" xfId="0" applyFont="1" applyFill="1" applyAlignment="1">
      <alignment horizontal="right"/>
    </xf>
    <xf numFmtId="0" fontId="20" fillId="0" borderId="0" xfId="0" applyFont="1" applyFill="1"/>
    <xf numFmtId="0" fontId="21" fillId="0" borderId="0" xfId="0" applyFont="1" applyFill="1"/>
    <xf numFmtId="0" fontId="3" fillId="0" borderId="18" xfId="0" applyFont="1" applyFill="1" applyBorder="1" applyAlignment="1">
      <alignment horizontal="center" vertical="center"/>
    </xf>
    <xf numFmtId="0" fontId="3" fillId="0" borderId="37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0" xfId="0" applyFont="1" applyFill="1" applyAlignment="1">
      <alignment horizontal="distributed" vertical="center" shrinkToFit="1"/>
    </xf>
    <xf numFmtId="0" fontId="5" fillId="0" borderId="13" xfId="0" applyFont="1" applyFill="1" applyBorder="1" applyAlignment="1">
      <alignment horizontal="distributed" vertical="center" shrinkToFit="1"/>
    </xf>
    <xf numFmtId="177" fontId="5" fillId="0" borderId="13" xfId="0" applyNumberFormat="1" applyFont="1" applyFill="1" applyBorder="1" applyAlignment="1">
      <alignment horizontal="center" vertical="center"/>
    </xf>
    <xf numFmtId="0" fontId="23" fillId="0" borderId="14" xfId="0" applyFont="1" applyFill="1" applyBorder="1" applyAlignment="1">
      <alignment horizontal="center" vertical="center"/>
    </xf>
    <xf numFmtId="177" fontId="5" fillId="0" borderId="0" xfId="0" applyNumberFormat="1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distributed" vertical="center"/>
    </xf>
    <xf numFmtId="0" fontId="23" fillId="0" borderId="0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distributed" vertical="center"/>
    </xf>
    <xf numFmtId="183" fontId="5" fillId="0" borderId="9" xfId="0" applyNumberFormat="1" applyFont="1" applyFill="1" applyBorder="1" applyAlignment="1">
      <alignment horizontal="center" vertical="center"/>
    </xf>
    <xf numFmtId="183" fontId="5" fillId="0" borderId="0" xfId="0" applyNumberFormat="1" applyFont="1" applyFill="1" applyBorder="1" applyAlignment="1">
      <alignment horizontal="center"/>
    </xf>
    <xf numFmtId="183" fontId="5" fillId="0" borderId="0" xfId="0" applyNumberFormat="1" applyFont="1" applyFill="1" applyAlignment="1">
      <alignment horizontal="center"/>
    </xf>
    <xf numFmtId="183" fontId="5" fillId="0" borderId="13" xfId="0" applyNumberFormat="1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 shrinkToFit="1"/>
    </xf>
    <xf numFmtId="183" fontId="5" fillId="0" borderId="0" xfId="0" applyNumberFormat="1" applyFont="1" applyFill="1" applyBorder="1" applyAlignment="1">
      <alignment horizontal="center" vertical="center"/>
    </xf>
    <xf numFmtId="183" fontId="5" fillId="0" borderId="1" xfId="0" applyNumberFormat="1" applyFont="1" applyFill="1" applyBorder="1" applyAlignment="1">
      <alignment horizontal="center" vertical="center"/>
    </xf>
    <xf numFmtId="0" fontId="3" fillId="0" borderId="0" xfId="0" applyFont="1" applyFill="1" applyAlignment="1">
      <alignment horizontal="left" vertical="center" wrapText="1"/>
    </xf>
    <xf numFmtId="0" fontId="11" fillId="0" borderId="0" xfId="4" applyFont="1" applyFill="1"/>
    <xf numFmtId="0" fontId="5" fillId="0" borderId="0" xfId="4" applyFont="1" applyFill="1" applyAlignment="1">
      <alignment horizontal="center"/>
    </xf>
    <xf numFmtId="0" fontId="17" fillId="0" borderId="0" xfId="4" applyFont="1" applyFill="1"/>
    <xf numFmtId="0" fontId="3" fillId="0" borderId="16" xfId="4" applyFont="1" applyFill="1" applyBorder="1" applyAlignment="1">
      <alignment horizontal="center"/>
    </xf>
    <xf numFmtId="0" fontId="3" fillId="0" borderId="27" xfId="4" applyFont="1" applyFill="1" applyBorder="1" applyAlignment="1">
      <alignment horizontal="center"/>
    </xf>
    <xf numFmtId="38" fontId="3" fillId="0" borderId="29" xfId="4" applyNumberFormat="1" applyFont="1" applyFill="1" applyBorder="1"/>
    <xf numFmtId="38" fontId="3" fillId="0" borderId="9" xfId="4" applyNumberFormat="1" applyFont="1" applyFill="1" applyBorder="1"/>
    <xf numFmtId="38" fontId="3" fillId="0" borderId="26" xfId="4" applyNumberFormat="1" applyFont="1" applyFill="1" applyBorder="1"/>
    <xf numFmtId="38" fontId="3" fillId="0" borderId="34" xfId="4" applyNumberFormat="1" applyFont="1" applyFill="1" applyBorder="1"/>
    <xf numFmtId="0" fontId="3" fillId="0" borderId="31" xfId="4" applyFont="1" applyFill="1" applyBorder="1" applyAlignment="1">
      <alignment horizontal="center"/>
    </xf>
    <xf numFmtId="38" fontId="3" fillId="0" borderId="31" xfId="4" applyNumberFormat="1" applyFont="1" applyFill="1" applyBorder="1"/>
    <xf numFmtId="38" fontId="3" fillId="0" borderId="30" xfId="4" applyNumberFormat="1" applyFont="1" applyFill="1" applyBorder="1"/>
    <xf numFmtId="0" fontId="3" fillId="0" borderId="1" xfId="4" applyFont="1" applyFill="1" applyBorder="1" applyAlignment="1">
      <alignment horizontal="center"/>
    </xf>
    <xf numFmtId="0" fontId="3" fillId="0" borderId="3" xfId="4" applyFont="1" applyFill="1" applyBorder="1" applyAlignment="1">
      <alignment horizontal="center" vertical="center"/>
    </xf>
    <xf numFmtId="0" fontId="3" fillId="0" borderId="15" xfId="4" applyFont="1" applyFill="1" applyBorder="1" applyAlignment="1">
      <alignment horizontal="right"/>
    </xf>
    <xf numFmtId="0" fontId="3" fillId="0" borderId="9" xfId="4" applyFont="1" applyFill="1" applyBorder="1" applyAlignment="1">
      <alignment horizontal="center" vertical="center"/>
    </xf>
    <xf numFmtId="38" fontId="12" fillId="0" borderId="9" xfId="5" applyFont="1" applyFill="1" applyBorder="1" applyAlignment="1">
      <alignment horizontal="right" vertical="center"/>
    </xf>
    <xf numFmtId="38" fontId="12" fillId="0" borderId="16" xfId="5" applyFont="1" applyFill="1" applyBorder="1" applyAlignment="1">
      <alignment horizontal="right" vertical="center"/>
    </xf>
    <xf numFmtId="0" fontId="3" fillId="0" borderId="26" xfId="4" applyFont="1" applyFill="1" applyBorder="1" applyAlignment="1">
      <alignment horizontal="center"/>
    </xf>
    <xf numFmtId="38" fontId="3" fillId="0" borderId="29" xfId="4" applyNumberFormat="1" applyFont="1" applyFill="1" applyBorder="1" applyAlignment="1">
      <alignment horizontal="right"/>
    </xf>
    <xf numFmtId="38" fontId="3" fillId="0" borderId="28" xfId="4" applyNumberFormat="1" applyFont="1" applyFill="1" applyBorder="1"/>
    <xf numFmtId="38" fontId="3" fillId="0" borderId="9" xfId="4" applyNumberFormat="1" applyFont="1" applyFill="1" applyBorder="1" applyAlignment="1">
      <alignment horizontal="right"/>
    </xf>
    <xf numFmtId="38" fontId="3" fillId="0" borderId="16" xfId="4" applyNumberFormat="1" applyFont="1" applyFill="1" applyBorder="1"/>
    <xf numFmtId="38" fontId="3" fillId="0" borderId="33" xfId="4" applyNumberFormat="1" applyFont="1" applyFill="1" applyBorder="1"/>
    <xf numFmtId="38" fontId="3" fillId="0" borderId="9" xfId="4" quotePrefix="1" applyNumberFormat="1" applyFont="1" applyFill="1" applyBorder="1" applyAlignment="1">
      <alignment horizontal="right"/>
    </xf>
    <xf numFmtId="38" fontId="3" fillId="0" borderId="0" xfId="4" applyNumberFormat="1" applyFont="1" applyFill="1"/>
    <xf numFmtId="0" fontId="11" fillId="0" borderId="21" xfId="4" applyFont="1" applyFill="1" applyBorder="1"/>
    <xf numFmtId="0" fontId="5" fillId="0" borderId="21" xfId="4" applyFont="1" applyFill="1" applyBorder="1" applyAlignment="1">
      <alignment horizontal="center"/>
    </xf>
    <xf numFmtId="38" fontId="14" fillId="0" borderId="0" xfId="4" applyNumberFormat="1" applyFont="1" applyFill="1"/>
    <xf numFmtId="0" fontId="12" fillId="0" borderId="0" xfId="4" applyFont="1" applyFill="1" applyBorder="1" applyAlignment="1">
      <alignment horizontal="center"/>
    </xf>
    <xf numFmtId="0" fontId="3" fillId="0" borderId="14" xfId="4" applyFont="1" applyFill="1" applyBorder="1" applyAlignment="1">
      <alignment horizontal="center"/>
    </xf>
    <xf numFmtId="38" fontId="3" fillId="0" borderId="14" xfId="4" applyNumberFormat="1" applyFont="1" applyFill="1" applyBorder="1"/>
    <xf numFmtId="38" fontId="3" fillId="0" borderId="16" xfId="5" applyFont="1" applyFill="1" applyBorder="1"/>
    <xf numFmtId="0" fontId="19" fillId="0" borderId="0" xfId="4" applyFont="1" applyFill="1"/>
    <xf numFmtId="38" fontId="3" fillId="0" borderId="27" xfId="5" applyFont="1" applyFill="1" applyBorder="1"/>
    <xf numFmtId="38" fontId="3" fillId="0" borderId="28" xfId="5" applyFont="1" applyFill="1" applyBorder="1"/>
    <xf numFmtId="0" fontId="12" fillId="0" borderId="21" xfId="0" applyFont="1" applyFill="1" applyBorder="1" applyAlignment="1">
      <alignment vertical="center"/>
    </xf>
    <xf numFmtId="0" fontId="6" fillId="0" borderId="8" xfId="0" applyFont="1" applyFill="1" applyBorder="1" applyAlignment="1">
      <alignment horizontal="center"/>
    </xf>
    <xf numFmtId="0" fontId="6" fillId="0" borderId="20" xfId="0" applyFont="1" applyFill="1" applyBorder="1" applyAlignment="1">
      <alignment horizontal="center"/>
    </xf>
    <xf numFmtId="0" fontId="6" fillId="0" borderId="9" xfId="0" applyFont="1" applyFill="1" applyBorder="1"/>
    <xf numFmtId="0" fontId="6" fillId="0" borderId="9" xfId="0" applyFont="1" applyFill="1" applyBorder="1" applyAlignment="1">
      <alignment horizontal="center"/>
    </xf>
    <xf numFmtId="0" fontId="6" fillId="0" borderId="16" xfId="0" applyFont="1" applyFill="1" applyBorder="1"/>
    <xf numFmtId="0" fontId="3" fillId="0" borderId="20" xfId="0" applyFont="1" applyFill="1" applyBorder="1" applyAlignment="1">
      <alignment horizontal="right"/>
    </xf>
    <xf numFmtId="0" fontId="3" fillId="0" borderId="0" xfId="0" applyFont="1" applyFill="1" applyBorder="1" applyAlignment="1">
      <alignment horizontal="distributed" wrapText="1"/>
    </xf>
    <xf numFmtId="2" fontId="12" fillId="0" borderId="9" xfId="0" applyNumberFormat="1" applyFont="1" applyFill="1" applyBorder="1"/>
    <xf numFmtId="183" fontId="12" fillId="0" borderId="9" xfId="0" applyNumberFormat="1" applyFont="1" applyFill="1" applyBorder="1"/>
    <xf numFmtId="0" fontId="12" fillId="0" borderId="9" xfId="0" applyFont="1" applyFill="1" applyBorder="1"/>
    <xf numFmtId="183" fontId="12" fillId="0" borderId="16" xfId="0" applyNumberFormat="1" applyFont="1" applyFill="1" applyBorder="1"/>
    <xf numFmtId="0" fontId="12" fillId="0" borderId="0" xfId="0" applyFont="1" applyFill="1"/>
    <xf numFmtId="0" fontId="3" fillId="0" borderId="9" xfId="0" applyFont="1" applyFill="1" applyBorder="1"/>
    <xf numFmtId="0" fontId="3" fillId="0" borderId="16" xfId="0" applyFont="1" applyFill="1" applyBorder="1"/>
    <xf numFmtId="185" fontId="3" fillId="0" borderId="9" xfId="0" applyNumberFormat="1" applyFont="1" applyFill="1" applyBorder="1"/>
    <xf numFmtId="183" fontId="3" fillId="0" borderId="9" xfId="0" applyNumberFormat="1" applyFont="1" applyFill="1" applyBorder="1"/>
    <xf numFmtId="185" fontId="3" fillId="0" borderId="9" xfId="0" applyNumberFormat="1" applyFont="1" applyFill="1" applyBorder="1" applyAlignment="1">
      <alignment horizontal="right"/>
    </xf>
    <xf numFmtId="185" fontId="3" fillId="0" borderId="16" xfId="0" applyNumberFormat="1" applyFont="1" applyFill="1" applyBorder="1" applyAlignment="1">
      <alignment horizontal="right"/>
    </xf>
    <xf numFmtId="183" fontId="9" fillId="0" borderId="0" xfId="0" applyNumberFormat="1" applyFont="1" applyFill="1" applyBorder="1"/>
    <xf numFmtId="183" fontId="3" fillId="0" borderId="16" xfId="0" applyNumberFormat="1" applyFont="1" applyFill="1" applyBorder="1"/>
    <xf numFmtId="0" fontId="3" fillId="0" borderId="21" xfId="0" applyFont="1" applyFill="1" applyBorder="1" applyAlignment="1">
      <alignment horizontal="distributed"/>
    </xf>
    <xf numFmtId="185" fontId="3" fillId="0" borderId="13" xfId="0" applyNumberFormat="1" applyFont="1" applyFill="1" applyBorder="1"/>
    <xf numFmtId="183" fontId="3" fillId="0" borderId="13" xfId="0" applyNumberFormat="1" applyFont="1" applyFill="1" applyBorder="1"/>
    <xf numFmtId="183" fontId="3" fillId="0" borderId="14" xfId="0" applyNumberFormat="1" applyFont="1" applyFill="1" applyBorder="1"/>
    <xf numFmtId="0" fontId="15" fillId="0" borderId="0" xfId="0" applyFont="1" applyFill="1"/>
    <xf numFmtId="0" fontId="11" fillId="0" borderId="21" xfId="0" applyFont="1" applyFill="1" applyBorder="1" applyAlignment="1">
      <alignment horizontal="left" vertical="center"/>
    </xf>
    <xf numFmtId="0" fontId="5" fillId="0" borderId="0" xfId="0" applyFont="1" applyFill="1" applyAlignment="1"/>
    <xf numFmtId="0" fontId="3" fillId="0" borderId="0" xfId="0" applyFont="1" applyFill="1" applyAlignment="1">
      <alignment horizontal="distributed"/>
    </xf>
    <xf numFmtId="0" fontId="3" fillId="0" borderId="4" xfId="0" applyFont="1" applyFill="1" applyBorder="1"/>
    <xf numFmtId="0" fontId="3" fillId="0" borderId="7" xfId="0" applyFont="1" applyFill="1" applyBorder="1" applyAlignment="1">
      <alignment horizontal="center" vertical="top" textRotation="255"/>
    </xf>
    <xf numFmtId="0" fontId="3" fillId="0" borderId="20" xfId="0" applyFont="1" applyFill="1" applyBorder="1" applyAlignment="1">
      <alignment horizontal="center" vertical="center" textRotation="255"/>
    </xf>
    <xf numFmtId="0" fontId="6" fillId="0" borderId="7" xfId="0" applyFont="1" applyFill="1" applyBorder="1" applyAlignment="1">
      <alignment horizontal="right"/>
    </xf>
    <xf numFmtId="0" fontId="6" fillId="0" borderId="16" xfId="0" applyFont="1" applyFill="1" applyBorder="1" applyAlignment="1">
      <alignment horizontal="right"/>
    </xf>
    <xf numFmtId="0" fontId="6" fillId="0" borderId="0" xfId="0" applyFont="1" applyFill="1" applyAlignment="1">
      <alignment horizontal="right"/>
    </xf>
    <xf numFmtId="0" fontId="5" fillId="0" borderId="0" xfId="0" applyFont="1" applyFill="1" applyAlignment="1">
      <alignment horizontal="center"/>
    </xf>
    <xf numFmtId="0" fontId="3" fillId="0" borderId="16" xfId="0" applyFont="1" applyFill="1" applyBorder="1" applyAlignment="1">
      <alignment horizontal="center" vertical="center"/>
    </xf>
    <xf numFmtId="0" fontId="12" fillId="0" borderId="10" xfId="0" applyFont="1" applyFill="1" applyBorder="1"/>
    <xf numFmtId="181" fontId="12" fillId="0" borderId="16" xfId="0" applyNumberFormat="1" applyFont="1" applyFill="1" applyBorder="1" applyAlignment="1">
      <alignment horizontal="right"/>
    </xf>
    <xf numFmtId="181" fontId="12" fillId="0" borderId="0" xfId="0" applyNumberFormat="1" applyFont="1" applyFill="1" applyBorder="1" applyAlignment="1">
      <alignment horizontal="right"/>
    </xf>
    <xf numFmtId="182" fontId="12" fillId="0" borderId="0" xfId="0" applyNumberFormat="1" applyFont="1" applyFill="1" applyAlignment="1">
      <alignment horizontal="right"/>
    </xf>
    <xf numFmtId="0" fontId="3" fillId="0" borderId="10" xfId="0" applyFont="1" applyFill="1" applyBorder="1"/>
    <xf numFmtId="38" fontId="3" fillId="0" borderId="16" xfId="1" applyFont="1" applyFill="1" applyBorder="1" applyAlignment="1"/>
    <xf numFmtId="38" fontId="3" fillId="0" borderId="0" xfId="1" applyFont="1" applyFill="1" applyAlignment="1"/>
    <xf numFmtId="182" fontId="3" fillId="0" borderId="0" xfId="0" applyNumberFormat="1" applyFont="1" applyFill="1" applyAlignment="1">
      <alignment horizontal="right"/>
    </xf>
    <xf numFmtId="0" fontId="3" fillId="0" borderId="10" xfId="0" applyFont="1" applyFill="1" applyBorder="1" applyAlignment="1">
      <alignment horizontal="distributed"/>
    </xf>
    <xf numFmtId="0" fontId="3" fillId="0" borderId="16" xfId="0" applyFont="1" applyFill="1" applyBorder="1" applyAlignment="1">
      <alignment horizontal="center" vertical="center" textRotation="255"/>
    </xf>
    <xf numFmtId="0" fontId="6" fillId="0" borderId="12" xfId="0" applyFont="1" applyFill="1" applyBorder="1" applyAlignment="1">
      <alignment vertical="top" wrapText="1"/>
    </xf>
    <xf numFmtId="0" fontId="3" fillId="0" borderId="15" xfId="0" applyFont="1" applyFill="1" applyBorder="1" applyAlignment="1">
      <alignment horizontal="center" vertical="center" textRotation="255"/>
    </xf>
    <xf numFmtId="0" fontId="6" fillId="0" borderId="1" xfId="0" applyFont="1" applyFill="1" applyBorder="1" applyAlignment="1">
      <alignment horizontal="right"/>
    </xf>
    <xf numFmtId="0" fontId="6" fillId="0" borderId="2" xfId="0" applyFont="1" applyFill="1" applyBorder="1" applyAlignment="1">
      <alignment horizontal="right"/>
    </xf>
    <xf numFmtId="181" fontId="12" fillId="0" borderId="0" xfId="0" applyNumberFormat="1" applyFont="1" applyFill="1" applyAlignment="1">
      <alignment horizontal="right"/>
    </xf>
    <xf numFmtId="0" fontId="6" fillId="0" borderId="12" xfId="0" applyFont="1" applyFill="1" applyBorder="1" applyAlignment="1">
      <alignment vertical="top"/>
    </xf>
    <xf numFmtId="181" fontId="3" fillId="0" borderId="16" xfId="0" applyNumberFormat="1" applyFont="1" applyFill="1" applyBorder="1" applyAlignment="1">
      <alignment horizontal="right"/>
    </xf>
    <xf numFmtId="181" fontId="3" fillId="0" borderId="0" xfId="0" applyNumberFormat="1" applyFont="1" applyFill="1" applyAlignment="1">
      <alignment horizontal="right"/>
    </xf>
    <xf numFmtId="177" fontId="3" fillId="0" borderId="0" xfId="0" applyNumberFormat="1" applyFont="1" applyFill="1" applyAlignment="1">
      <alignment horizontal="right"/>
    </xf>
    <xf numFmtId="0" fontId="3" fillId="0" borderId="15" xfId="0" applyFont="1" applyFill="1" applyBorder="1" applyAlignment="1">
      <alignment horizontal="center" vertical="center"/>
    </xf>
    <xf numFmtId="184" fontId="12" fillId="0" borderId="0" xfId="0" applyNumberFormat="1" applyFont="1" applyFill="1" applyAlignment="1">
      <alignment horizontal="right"/>
    </xf>
    <xf numFmtId="184" fontId="3" fillId="0" borderId="0" xfId="0" applyNumberFormat="1" applyFont="1" applyFill="1" applyAlignment="1">
      <alignment horizontal="right"/>
    </xf>
    <xf numFmtId="184" fontId="3" fillId="0" borderId="0" xfId="0" applyNumberFormat="1" applyFont="1" applyFill="1"/>
    <xf numFmtId="0" fontId="3" fillId="0" borderId="14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distributed"/>
    </xf>
    <xf numFmtId="181" fontId="3" fillId="0" borderId="14" xfId="0" applyNumberFormat="1" applyFont="1" applyFill="1" applyBorder="1" applyAlignment="1">
      <alignment horizontal="right"/>
    </xf>
    <xf numFmtId="181" fontId="3" fillId="0" borderId="21" xfId="0" applyNumberFormat="1" applyFont="1" applyFill="1" applyBorder="1" applyAlignment="1">
      <alignment horizontal="right"/>
    </xf>
    <xf numFmtId="177" fontId="3" fillId="0" borderId="21" xfId="0" applyNumberFormat="1" applyFont="1" applyFill="1" applyBorder="1" applyAlignment="1">
      <alignment horizontal="right"/>
    </xf>
    <xf numFmtId="0" fontId="4" fillId="0" borderId="21" xfId="4" applyFont="1" applyFill="1" applyBorder="1" applyAlignment="1">
      <alignment horizontal="left"/>
    </xf>
    <xf numFmtId="0" fontId="14" fillId="0" borderId="21" xfId="4" applyFont="1" applyFill="1" applyBorder="1" applyAlignment="1">
      <alignment horizontal="left"/>
    </xf>
    <xf numFmtId="0" fontId="6" fillId="0" borderId="23" xfId="4" applyFont="1" applyFill="1" applyBorder="1" applyAlignment="1">
      <alignment horizontal="center" vertical="center" wrapText="1"/>
    </xf>
    <xf numFmtId="0" fontId="6" fillId="0" borderId="6" xfId="4" applyFont="1" applyFill="1" applyBorder="1" applyAlignment="1">
      <alignment horizontal="center" vertical="center"/>
    </xf>
    <xf numFmtId="0" fontId="6" fillId="0" borderId="22" xfId="4" applyFont="1" applyFill="1" applyBorder="1" applyAlignment="1">
      <alignment horizontal="center" vertical="center" wrapText="1"/>
    </xf>
    <xf numFmtId="0" fontId="6" fillId="0" borderId="22" xfId="4" quotePrefix="1" applyFont="1" applyFill="1" applyBorder="1" applyAlignment="1">
      <alignment horizontal="center" vertical="center" wrapText="1"/>
    </xf>
    <xf numFmtId="0" fontId="6" fillId="0" borderId="6" xfId="4" applyFont="1" applyFill="1" applyBorder="1" applyAlignment="1">
      <alignment horizontal="center" vertical="center" wrapText="1"/>
    </xf>
    <xf numFmtId="0" fontId="3" fillId="0" borderId="0" xfId="4" quotePrefix="1" applyFont="1" applyFill="1" applyBorder="1" applyAlignment="1">
      <alignment horizontal="center" vertical="center"/>
    </xf>
    <xf numFmtId="0" fontId="6" fillId="0" borderId="8" xfId="4" applyFont="1" applyFill="1" applyBorder="1" applyAlignment="1">
      <alignment horizontal="right" vertical="center" wrapText="1"/>
    </xf>
    <xf numFmtId="0" fontId="6" fillId="0" borderId="0" xfId="4" applyFont="1" applyFill="1" applyBorder="1" applyAlignment="1">
      <alignment horizontal="right" vertical="center" wrapText="1"/>
    </xf>
    <xf numFmtId="0" fontId="3" fillId="0" borderId="8" xfId="4" applyFont="1" applyFill="1" applyBorder="1" applyAlignment="1">
      <alignment horizontal="center" vertical="center" wrapText="1"/>
    </xf>
    <xf numFmtId="181" fontId="3" fillId="0" borderId="16" xfId="4" quotePrefix="1" applyNumberFormat="1" applyFont="1" applyFill="1" applyBorder="1" applyAlignment="1">
      <alignment horizontal="right"/>
    </xf>
    <xf numFmtId="0" fontId="3" fillId="0" borderId="0" xfId="4" applyFont="1" applyFill="1" applyAlignment="1">
      <alignment horizontal="right" vertical="center"/>
    </xf>
    <xf numFmtId="0" fontId="3" fillId="0" borderId="0" xfId="4" quotePrefix="1" applyFont="1" applyFill="1" applyBorder="1" applyAlignment="1">
      <alignment horizontal="right"/>
    </xf>
    <xf numFmtId="0" fontId="3" fillId="0" borderId="0" xfId="4" quotePrefix="1" applyFont="1" applyFill="1" applyBorder="1" applyAlignment="1">
      <alignment horizontal="left"/>
    </xf>
    <xf numFmtId="56" fontId="3" fillId="0" borderId="0" xfId="4" quotePrefix="1" applyNumberFormat="1" applyFont="1" applyFill="1" applyBorder="1" applyAlignment="1">
      <alignment horizontal="right"/>
    </xf>
    <xf numFmtId="56" fontId="3" fillId="0" borderId="0" xfId="4" quotePrefix="1" applyNumberFormat="1" applyFont="1" applyFill="1" applyBorder="1" applyAlignment="1">
      <alignment horizontal="left"/>
    </xf>
    <xf numFmtId="0" fontId="3" fillId="0" borderId="11" xfId="4" applyFont="1" applyFill="1" applyBorder="1" applyAlignment="1">
      <alignment horizontal="right"/>
    </xf>
    <xf numFmtId="0" fontId="3" fillId="0" borderId="7" xfId="4" applyFont="1" applyFill="1" applyBorder="1" applyAlignment="1">
      <alignment horizontal="left"/>
    </xf>
    <xf numFmtId="181" fontId="3" fillId="0" borderId="11" xfId="4" applyNumberFormat="1" applyFont="1" applyFill="1" applyBorder="1" applyAlignment="1">
      <alignment horizontal="right"/>
    </xf>
    <xf numFmtId="181" fontId="3" fillId="0" borderId="9" xfId="4" applyNumberFormat="1" applyFont="1" applyFill="1" applyBorder="1" applyAlignment="1">
      <alignment horizontal="right"/>
    </xf>
    <xf numFmtId="179" fontId="3" fillId="0" borderId="11" xfId="4" applyNumberFormat="1" applyFont="1" applyFill="1" applyBorder="1"/>
    <xf numFmtId="0" fontId="3" fillId="0" borderId="10" xfId="4" applyFont="1" applyFill="1" applyBorder="1" applyAlignment="1">
      <alignment horizontal="center"/>
    </xf>
    <xf numFmtId="0" fontId="4" fillId="0" borderId="0" xfId="4" applyFont="1" applyFill="1" applyAlignment="1">
      <alignment horizontal="left"/>
    </xf>
    <xf numFmtId="0" fontId="14" fillId="0" borderId="0" xfId="4" applyFont="1" applyFill="1" applyAlignment="1">
      <alignment horizontal="left"/>
    </xf>
    <xf numFmtId="0" fontId="3" fillId="0" borderId="6" xfId="4" applyFont="1" applyFill="1" applyBorder="1" applyAlignment="1">
      <alignment horizontal="center" vertical="center"/>
    </xf>
    <xf numFmtId="183" fontId="3" fillId="0" borderId="16" xfId="4" applyNumberFormat="1" applyFont="1" applyFill="1" applyBorder="1"/>
    <xf numFmtId="0" fontId="11" fillId="0" borderId="0" xfId="3" applyFont="1" applyFill="1"/>
    <xf numFmtId="0" fontId="6" fillId="0" borderId="1" xfId="3" applyFont="1" applyFill="1" applyBorder="1" applyAlignment="1">
      <alignment horizontal="center"/>
    </xf>
    <xf numFmtId="0" fontId="3" fillId="0" borderId="3" xfId="3" applyFont="1" applyFill="1" applyBorder="1" applyAlignment="1">
      <alignment horizontal="center"/>
    </xf>
    <xf numFmtId="0" fontId="3" fillId="0" borderId="0" xfId="3" applyFont="1" applyFill="1" applyBorder="1"/>
    <xf numFmtId="0" fontId="6" fillId="0" borderId="0" xfId="3" applyFont="1" applyFill="1" applyBorder="1" applyAlignment="1">
      <alignment horizontal="center"/>
    </xf>
    <xf numFmtId="0" fontId="3" fillId="0" borderId="9" xfId="3" applyFont="1" applyFill="1" applyBorder="1" applyAlignment="1">
      <alignment horizontal="center"/>
    </xf>
    <xf numFmtId="0" fontId="6" fillId="0" borderId="4" xfId="3" applyFont="1" applyFill="1" applyBorder="1" applyAlignment="1">
      <alignment horizontal="center"/>
    </xf>
    <xf numFmtId="0" fontId="3" fillId="0" borderId="22" xfId="3" applyFont="1" applyFill="1" applyBorder="1" applyAlignment="1">
      <alignment horizontal="center"/>
    </xf>
    <xf numFmtId="0" fontId="3" fillId="0" borderId="23" xfId="3" applyFont="1" applyFill="1" applyBorder="1" applyAlignment="1">
      <alignment horizontal="center"/>
    </xf>
    <xf numFmtId="0" fontId="3" fillId="0" borderId="24" xfId="3" applyFont="1" applyFill="1" applyBorder="1" applyAlignment="1">
      <alignment horizontal="center"/>
    </xf>
    <xf numFmtId="0" fontId="3" fillId="0" borderId="25" xfId="3" applyFont="1" applyFill="1" applyBorder="1" applyAlignment="1">
      <alignment horizontal="center"/>
    </xf>
    <xf numFmtId="0" fontId="3" fillId="0" borderId="0" xfId="3" applyFont="1" applyFill="1" applyAlignment="1">
      <alignment horizontal="center"/>
    </xf>
    <xf numFmtId="0" fontId="3" fillId="0" borderId="16" xfId="3" applyFont="1" applyFill="1" applyBorder="1" applyAlignment="1">
      <alignment horizontal="center"/>
    </xf>
    <xf numFmtId="3" fontId="12" fillId="0" borderId="9" xfId="3" applyNumberFormat="1" applyFont="1" applyFill="1" applyBorder="1" applyAlignment="1"/>
    <xf numFmtId="177" fontId="12" fillId="0" borderId="26" xfId="3" applyNumberFormat="1" applyFont="1" applyFill="1" applyBorder="1" applyAlignment="1">
      <alignment horizontal="right" wrapText="1"/>
    </xf>
    <xf numFmtId="3" fontId="12" fillId="0" borderId="9" xfId="3" applyNumberFormat="1" applyFont="1" applyFill="1" applyBorder="1" applyAlignment="1">
      <alignment wrapText="1"/>
    </xf>
    <xf numFmtId="177" fontId="12" fillId="0" borderId="16" xfId="3" applyNumberFormat="1" applyFont="1" applyFill="1" applyBorder="1" applyAlignment="1">
      <alignment horizontal="right" wrapText="1"/>
    </xf>
    <xf numFmtId="179" fontId="12" fillId="0" borderId="27" xfId="3" applyNumberFormat="1" applyFont="1" applyFill="1" applyBorder="1" applyAlignment="1">
      <alignment horizontal="right" wrapText="1"/>
    </xf>
    <xf numFmtId="0" fontId="3" fillId="0" borderId="28" xfId="3" applyFont="1" applyFill="1" applyBorder="1" applyAlignment="1"/>
    <xf numFmtId="3" fontId="3" fillId="0" borderId="29" xfId="3" applyNumberFormat="1" applyFont="1" applyFill="1" applyBorder="1" applyAlignment="1">
      <alignment wrapText="1"/>
    </xf>
    <xf numFmtId="180" fontId="3" fillId="0" borderId="0" xfId="3" applyNumberFormat="1" applyFont="1" applyFill="1"/>
    <xf numFmtId="180" fontId="3" fillId="0" borderId="29" xfId="3" applyNumberFormat="1" applyFont="1" applyFill="1" applyBorder="1"/>
    <xf numFmtId="0" fontId="3" fillId="0" borderId="16" xfId="3" applyFont="1" applyFill="1" applyBorder="1" applyAlignment="1"/>
    <xf numFmtId="3" fontId="3" fillId="0" borderId="9" xfId="3" applyNumberFormat="1" applyFont="1" applyFill="1" applyBorder="1" applyAlignment="1">
      <alignment wrapText="1"/>
    </xf>
    <xf numFmtId="3" fontId="3" fillId="0" borderId="9" xfId="3" applyNumberFormat="1" applyFont="1" applyFill="1" applyBorder="1" applyAlignment="1"/>
    <xf numFmtId="0" fontId="3" fillId="0" borderId="27" xfId="3" applyFont="1" applyFill="1" applyBorder="1" applyAlignment="1"/>
    <xf numFmtId="3" fontId="3" fillId="0" borderId="26" xfId="3" applyNumberFormat="1" applyFont="1" applyFill="1" applyBorder="1" applyAlignment="1">
      <alignment wrapText="1"/>
    </xf>
    <xf numFmtId="180" fontId="3" fillId="0" borderId="26" xfId="3" applyNumberFormat="1" applyFont="1" applyFill="1" applyBorder="1"/>
    <xf numFmtId="180" fontId="3" fillId="0" borderId="27" xfId="3" applyNumberFormat="1" applyFont="1" applyFill="1" applyBorder="1"/>
    <xf numFmtId="177" fontId="12" fillId="0" borderId="27" xfId="3" applyNumberFormat="1" applyFont="1" applyFill="1" applyBorder="1" applyAlignment="1">
      <alignment horizontal="right" wrapText="1"/>
    </xf>
    <xf numFmtId="177" fontId="3" fillId="0" borderId="33" xfId="3" applyNumberFormat="1" applyFont="1" applyFill="1" applyBorder="1" applyAlignment="1">
      <alignment wrapText="1"/>
    </xf>
    <xf numFmtId="177" fontId="3" fillId="0" borderId="28" xfId="3" applyNumberFormat="1" applyFont="1" applyFill="1" applyBorder="1" applyAlignment="1">
      <alignment wrapText="1"/>
    </xf>
    <xf numFmtId="177" fontId="3" fillId="0" borderId="0" xfId="3" applyNumberFormat="1" applyFont="1" applyFill="1" applyBorder="1" applyAlignment="1">
      <alignment wrapText="1"/>
    </xf>
    <xf numFmtId="177" fontId="3" fillId="0" borderId="16" xfId="3" applyNumberFormat="1" applyFont="1" applyFill="1" applyBorder="1" applyAlignment="1">
      <alignment wrapText="1"/>
    </xf>
    <xf numFmtId="177" fontId="3" fillId="0" borderId="34" xfId="3" applyNumberFormat="1" applyFont="1" applyFill="1" applyBorder="1" applyAlignment="1">
      <alignment wrapText="1"/>
    </xf>
    <xf numFmtId="177" fontId="3" fillId="0" borderId="27" xfId="3" applyNumberFormat="1" applyFont="1" applyFill="1" applyBorder="1" applyAlignment="1">
      <alignment wrapText="1"/>
    </xf>
    <xf numFmtId="0" fontId="3" fillId="0" borderId="26" xfId="3" applyFont="1" applyFill="1" applyBorder="1" applyAlignment="1">
      <alignment horizontal="center"/>
    </xf>
    <xf numFmtId="3" fontId="12" fillId="0" borderId="26" xfId="3" applyNumberFormat="1" applyFont="1" applyFill="1" applyBorder="1" applyAlignment="1">
      <alignment wrapText="1"/>
    </xf>
    <xf numFmtId="179" fontId="3" fillId="0" borderId="28" xfId="3" applyNumberFormat="1" applyFont="1" applyFill="1" applyBorder="1" applyAlignment="1">
      <alignment wrapText="1"/>
    </xf>
    <xf numFmtId="179" fontId="3" fillId="0" borderId="16" xfId="3" applyNumberFormat="1" applyFont="1" applyFill="1" applyBorder="1" applyAlignment="1">
      <alignment wrapText="1"/>
    </xf>
    <xf numFmtId="179" fontId="3" fillId="0" borderId="27" xfId="3" applyNumberFormat="1" applyFont="1" applyFill="1" applyBorder="1" applyAlignment="1">
      <alignment wrapText="1"/>
    </xf>
    <xf numFmtId="0" fontId="6" fillId="0" borderId="16" xfId="3" applyFont="1" applyFill="1" applyBorder="1" applyAlignment="1">
      <alignment horizontal="center" vertical="center"/>
    </xf>
    <xf numFmtId="0" fontId="6" fillId="0" borderId="9" xfId="3" applyFont="1" applyFill="1" applyBorder="1" applyAlignment="1">
      <alignment horizontal="right" vertical="center"/>
    </xf>
    <xf numFmtId="0" fontId="6" fillId="0" borderId="0" xfId="3" applyFont="1" applyFill="1" applyBorder="1" applyAlignment="1">
      <alignment horizontal="right" vertical="center"/>
    </xf>
    <xf numFmtId="0" fontId="6" fillId="0" borderId="16" xfId="3" applyFont="1" applyFill="1" applyBorder="1" applyAlignment="1">
      <alignment horizontal="right" vertical="center"/>
    </xf>
    <xf numFmtId="0" fontId="3" fillId="0" borderId="21" xfId="3" applyFont="1" applyFill="1" applyBorder="1" applyAlignment="1">
      <alignment horizontal="center"/>
    </xf>
    <xf numFmtId="0" fontId="3" fillId="0" borderId="35" xfId="3" applyFont="1" applyFill="1" applyBorder="1" applyAlignment="1">
      <alignment horizontal="center"/>
    </xf>
    <xf numFmtId="3" fontId="3" fillId="0" borderId="32" xfId="3" applyNumberFormat="1" applyFont="1" applyFill="1" applyBorder="1" applyAlignment="1">
      <alignment wrapText="1"/>
    </xf>
    <xf numFmtId="180" fontId="3" fillId="0" borderId="32" xfId="3" applyNumberFormat="1" applyFont="1" applyFill="1" applyBorder="1"/>
    <xf numFmtId="0" fontId="3" fillId="0" borderId="32" xfId="3" applyFont="1" applyFill="1" applyBorder="1" applyAlignment="1">
      <alignment wrapText="1"/>
    </xf>
    <xf numFmtId="180" fontId="3" fillId="0" borderId="21" xfId="3" applyNumberFormat="1" applyFont="1" applyFill="1" applyBorder="1"/>
    <xf numFmtId="180" fontId="3" fillId="0" borderId="14" xfId="3" applyNumberFormat="1" applyFont="1" applyFill="1" applyBorder="1"/>
    <xf numFmtId="177" fontId="3" fillId="0" borderId="47" xfId="3" applyNumberFormat="1" applyFont="1" applyFill="1" applyBorder="1" applyAlignment="1">
      <alignment wrapText="1"/>
    </xf>
    <xf numFmtId="177" fontId="3" fillId="0" borderId="35" xfId="3" applyNumberFormat="1" applyFont="1" applyFill="1" applyBorder="1" applyAlignment="1">
      <alignment wrapText="1"/>
    </xf>
    <xf numFmtId="179" fontId="3" fillId="0" borderId="35" xfId="3" applyNumberFormat="1" applyFont="1" applyFill="1" applyBorder="1" applyAlignment="1">
      <alignment wrapText="1"/>
    </xf>
    <xf numFmtId="181" fontId="3" fillId="0" borderId="6" xfId="4" applyNumberFormat="1" applyFont="1" applyFill="1" applyBorder="1"/>
    <xf numFmtId="181" fontId="3" fillId="0" borderId="8" xfId="4" applyNumberFormat="1" applyFont="1" applyFill="1" applyBorder="1" applyAlignment="1">
      <alignment horizontal="right"/>
    </xf>
    <xf numFmtId="0" fontId="3" fillId="0" borderId="7" xfId="0" applyFont="1" applyFill="1" applyBorder="1" applyAlignment="1">
      <alignment horizontal="center"/>
    </xf>
    <xf numFmtId="0" fontId="3" fillId="0" borderId="5" xfId="0" applyFont="1" applyFill="1" applyBorder="1" applyAlignment="1">
      <alignment horizontal="center"/>
    </xf>
    <xf numFmtId="0" fontId="6" fillId="0" borderId="10" xfId="0" applyFont="1" applyFill="1" applyBorder="1" applyAlignment="1">
      <alignment horizontal="right"/>
    </xf>
    <xf numFmtId="181" fontId="12" fillId="0" borderId="10" xfId="0" applyNumberFormat="1" applyFont="1" applyFill="1" applyBorder="1" applyAlignment="1">
      <alignment horizontal="right"/>
    </xf>
    <xf numFmtId="38" fontId="3" fillId="0" borderId="10" xfId="1" applyFont="1" applyFill="1" applyBorder="1" applyAlignment="1"/>
    <xf numFmtId="181" fontId="3" fillId="0" borderId="10" xfId="0" applyNumberFormat="1" applyFont="1" applyFill="1" applyBorder="1" applyAlignment="1">
      <alignment horizontal="right"/>
    </xf>
    <xf numFmtId="181" fontId="3" fillId="0" borderId="12" xfId="0" applyNumberFormat="1" applyFont="1" applyFill="1" applyBorder="1" applyAlignment="1">
      <alignment horizontal="right"/>
    </xf>
    <xf numFmtId="0" fontId="3" fillId="0" borderId="39" xfId="4" applyFont="1" applyFill="1" applyBorder="1" applyAlignment="1">
      <alignment horizontal="center"/>
    </xf>
    <xf numFmtId="38" fontId="3" fillId="0" borderId="38" xfId="5" applyFont="1" applyFill="1" applyBorder="1"/>
    <xf numFmtId="38" fontId="3" fillId="0" borderId="38" xfId="4" applyNumberFormat="1" applyFont="1" applyFill="1" applyBorder="1"/>
    <xf numFmtId="38" fontId="3" fillId="0" borderId="46" xfId="4" applyNumberFormat="1" applyFont="1" applyFill="1" applyBorder="1"/>
    <xf numFmtId="38" fontId="3" fillId="0" borderId="39" xfId="5" applyFont="1" applyFill="1" applyBorder="1"/>
    <xf numFmtId="0" fontId="3" fillId="0" borderId="35" xfId="4" applyFont="1" applyFill="1" applyBorder="1" applyAlignment="1">
      <alignment horizontal="center"/>
    </xf>
    <xf numFmtId="38" fontId="3" fillId="0" borderId="32" xfId="5" applyFont="1" applyFill="1" applyBorder="1"/>
    <xf numFmtId="38" fontId="3" fillId="0" borderId="32" xfId="4" applyNumberFormat="1" applyFont="1" applyFill="1" applyBorder="1" applyAlignment="1">
      <alignment horizontal="right"/>
    </xf>
    <xf numFmtId="38" fontId="3" fillId="0" borderId="47" xfId="4" applyNumberFormat="1" applyFont="1" applyFill="1" applyBorder="1"/>
    <xf numFmtId="38" fontId="3" fillId="0" borderId="32" xfId="4" applyNumberFormat="1" applyFont="1" applyFill="1" applyBorder="1"/>
    <xf numFmtId="38" fontId="3" fillId="0" borderId="35" xfId="4" applyNumberFormat="1" applyFont="1" applyFill="1" applyBorder="1"/>
    <xf numFmtId="3" fontId="12" fillId="0" borderId="41" xfId="4" applyNumberFormat="1" applyFont="1" applyFill="1" applyBorder="1" applyAlignment="1">
      <alignment horizontal="center" vertical="center"/>
    </xf>
    <xf numFmtId="3" fontId="9" fillId="0" borderId="42" xfId="4" applyNumberFormat="1" applyFont="1" applyFill="1" applyBorder="1" applyAlignment="1">
      <alignment horizontal="right" vertical="center"/>
    </xf>
    <xf numFmtId="3" fontId="12" fillId="0" borderId="42" xfId="5" applyNumberFormat="1" applyFont="1" applyFill="1" applyBorder="1" applyAlignment="1">
      <alignment horizontal="right" vertical="center"/>
    </xf>
    <xf numFmtId="3" fontId="3" fillId="0" borderId="42" xfId="5" applyNumberFormat="1" applyFont="1" applyFill="1" applyBorder="1" applyAlignment="1">
      <alignment horizontal="right" vertical="center"/>
    </xf>
    <xf numFmtId="3" fontId="12" fillId="0" borderId="42" xfId="5" applyNumberFormat="1" applyFont="1" applyFill="1" applyBorder="1" applyAlignment="1"/>
    <xf numFmtId="3" fontId="3" fillId="0" borderId="42" xfId="5" applyNumberFormat="1" applyFont="1" applyFill="1" applyBorder="1" applyAlignment="1"/>
    <xf numFmtId="3" fontId="44" fillId="0" borderId="16" xfId="5" applyNumberFormat="1" applyFont="1" applyFill="1" applyBorder="1" applyAlignment="1">
      <alignment horizontal="right" vertical="center"/>
    </xf>
    <xf numFmtId="3" fontId="45" fillId="0" borderId="44" xfId="5" applyNumberFormat="1" applyFont="1" applyFill="1" applyBorder="1" applyAlignment="1">
      <alignment vertical="center"/>
    </xf>
    <xf numFmtId="3" fontId="45" fillId="0" borderId="26" xfId="5" applyNumberFormat="1" applyFont="1" applyFill="1" applyBorder="1" applyAlignment="1">
      <alignment vertical="center"/>
    </xf>
    <xf numFmtId="3" fontId="45" fillId="0" borderId="27" xfId="5" applyNumberFormat="1" applyFont="1" applyFill="1" applyBorder="1" applyAlignment="1">
      <alignment vertical="center"/>
    </xf>
    <xf numFmtId="3" fontId="45" fillId="0" borderId="16" xfId="5" applyNumberFormat="1" applyFont="1" applyFill="1" applyBorder="1" applyAlignment="1">
      <alignment vertical="center"/>
    </xf>
    <xf numFmtId="3" fontId="45" fillId="0" borderId="16" xfId="5" applyNumberFormat="1" applyFont="1" applyFill="1" applyBorder="1" applyAlignment="1">
      <alignment horizontal="right" vertical="center"/>
    </xf>
    <xf numFmtId="3" fontId="45" fillId="0" borderId="27" xfId="5" applyNumberFormat="1" applyFont="1" applyFill="1" applyBorder="1" applyAlignment="1">
      <alignment horizontal="right" vertical="center"/>
    </xf>
    <xf numFmtId="3" fontId="45" fillId="0" borderId="29" xfId="5" applyNumberFormat="1" applyFont="1" applyFill="1" applyBorder="1" applyAlignment="1">
      <alignment vertical="center"/>
    </xf>
    <xf numFmtId="3" fontId="45" fillId="0" borderId="39" xfId="5" applyNumberFormat="1" applyFont="1" applyFill="1" applyBorder="1" applyAlignment="1">
      <alignment vertical="center"/>
    </xf>
    <xf numFmtId="3" fontId="45" fillId="0" borderId="39" xfId="5" applyNumberFormat="1" applyFont="1" applyFill="1" applyBorder="1" applyAlignment="1">
      <alignment horizontal="right" vertical="center"/>
    </xf>
    <xf numFmtId="3" fontId="45" fillId="0" borderId="8" xfId="5" applyNumberFormat="1" applyFont="1" applyFill="1" applyBorder="1" applyAlignment="1">
      <alignment vertical="center"/>
    </xf>
    <xf numFmtId="3" fontId="45" fillId="0" borderId="20" xfId="5" applyNumberFormat="1" applyFont="1" applyFill="1" applyBorder="1" applyAlignment="1">
      <alignment vertical="center"/>
    </xf>
    <xf numFmtId="3" fontId="45" fillId="0" borderId="9" xfId="5" applyNumberFormat="1" applyFont="1" applyFill="1" applyBorder="1" applyAlignment="1">
      <alignment horizontal="right" vertical="center"/>
    </xf>
    <xf numFmtId="3" fontId="45" fillId="0" borderId="14" xfId="5" applyNumberFormat="1" applyFont="1" applyFill="1" applyBorder="1" applyAlignment="1">
      <alignment vertical="center"/>
    </xf>
    <xf numFmtId="3" fontId="45" fillId="0" borderId="13" xfId="5" applyNumberFormat="1" applyFont="1" applyFill="1" applyBorder="1" applyAlignment="1">
      <alignment horizontal="right" vertical="center"/>
    </xf>
    <xf numFmtId="3" fontId="6" fillId="0" borderId="0" xfId="4" applyNumberFormat="1" applyFont="1" applyFill="1" applyBorder="1" applyAlignment="1">
      <alignment horizontal="right"/>
    </xf>
    <xf numFmtId="3" fontId="6" fillId="0" borderId="16" xfId="4" applyNumberFormat="1" applyFont="1" applyFill="1" applyBorder="1" applyAlignment="1">
      <alignment horizontal="right"/>
    </xf>
    <xf numFmtId="3" fontId="6" fillId="0" borderId="9" xfId="4" applyNumberFormat="1" applyFont="1" applyFill="1" applyBorder="1" applyAlignment="1">
      <alignment horizontal="right"/>
    </xf>
    <xf numFmtId="3" fontId="6" fillId="0" borderId="10" xfId="4" applyNumberFormat="1" applyFont="1" applyFill="1" applyBorder="1" applyAlignment="1">
      <alignment horizontal="right"/>
    </xf>
    <xf numFmtId="3" fontId="44" fillId="0" borderId="9" xfId="5" applyNumberFormat="1" applyFont="1" applyFill="1" applyBorder="1" applyAlignment="1">
      <alignment vertical="center"/>
    </xf>
    <xf numFmtId="3" fontId="44" fillId="0" borderId="16" xfId="5" applyNumberFormat="1" applyFont="1" applyFill="1" applyBorder="1" applyAlignment="1">
      <alignment vertical="center"/>
    </xf>
    <xf numFmtId="3" fontId="44" fillId="0" borderId="26" xfId="5" applyNumberFormat="1" applyFont="1" applyFill="1" applyBorder="1" applyAlignment="1">
      <alignment vertical="center"/>
    </xf>
    <xf numFmtId="3" fontId="44" fillId="0" borderId="27" xfId="5" applyNumberFormat="1" applyFont="1" applyFill="1" applyBorder="1" applyAlignment="1">
      <alignment vertical="center"/>
    </xf>
    <xf numFmtId="3" fontId="45" fillId="0" borderId="9" xfId="5" applyNumberFormat="1" applyFont="1" applyFill="1" applyBorder="1" applyAlignment="1">
      <alignment horizontal="right"/>
    </xf>
    <xf numFmtId="3" fontId="45" fillId="0" borderId="16" xfId="5" applyNumberFormat="1" applyFont="1" applyFill="1" applyBorder="1" applyAlignment="1">
      <alignment horizontal="right"/>
    </xf>
    <xf numFmtId="3" fontId="45" fillId="0" borderId="26" xfId="5" applyNumberFormat="1" applyFont="1" applyFill="1" applyBorder="1" applyAlignment="1">
      <alignment horizontal="right"/>
    </xf>
    <xf numFmtId="3" fontId="45" fillId="0" borderId="27" xfId="5" applyNumberFormat="1" applyFont="1" applyFill="1" applyBorder="1" applyAlignment="1">
      <alignment horizontal="right"/>
    </xf>
    <xf numFmtId="3" fontId="45" fillId="0" borderId="27" xfId="5" quotePrefix="1" applyNumberFormat="1" applyFont="1" applyFill="1" applyBorder="1" applyAlignment="1">
      <alignment horizontal="right"/>
    </xf>
    <xf numFmtId="3" fontId="45" fillId="0" borderId="38" xfId="5" applyNumberFormat="1" applyFont="1" applyFill="1" applyBorder="1" applyAlignment="1">
      <alignment horizontal="right"/>
    </xf>
    <xf numFmtId="3" fontId="45" fillId="0" borderId="39" xfId="5" applyNumberFormat="1" applyFont="1" applyFill="1" applyBorder="1" applyAlignment="1">
      <alignment horizontal="right"/>
    </xf>
    <xf numFmtId="3" fontId="45" fillId="0" borderId="9" xfId="5" quotePrefix="1" applyNumberFormat="1" applyFont="1" applyFill="1" applyBorder="1" applyAlignment="1">
      <alignment horizontal="right"/>
    </xf>
    <xf numFmtId="3" fontId="45" fillId="0" borderId="13" xfId="5" applyNumberFormat="1" applyFont="1" applyFill="1" applyBorder="1" applyAlignment="1">
      <alignment horizontal="right"/>
    </xf>
    <xf numFmtId="3" fontId="45" fillId="0" borderId="14" xfId="5" applyNumberFormat="1" applyFont="1" applyFill="1" applyBorder="1" applyAlignment="1">
      <alignment horizontal="right"/>
    </xf>
    <xf numFmtId="38" fontId="5" fillId="0" borderId="32" xfId="5" applyFont="1" applyFill="1" applyBorder="1" applyAlignment="1">
      <alignment horizontal="right" vertical="center"/>
    </xf>
    <xf numFmtId="3" fontId="4" fillId="0" borderId="16" xfId="5" applyNumberFormat="1" applyFont="1" applyFill="1" applyBorder="1" applyAlignment="1">
      <alignment vertical="center"/>
    </xf>
    <xf numFmtId="3" fontId="5" fillId="0" borderId="16" xfId="5" applyNumberFormat="1" applyFont="1" applyFill="1" applyBorder="1" applyAlignment="1">
      <alignment vertical="center"/>
    </xf>
    <xf numFmtId="3" fontId="5" fillId="0" borderId="27" xfId="5" applyNumberFormat="1" applyFont="1" applyFill="1" applyBorder="1" applyAlignment="1">
      <alignment vertical="center"/>
    </xf>
    <xf numFmtId="3" fontId="5" fillId="0" borderId="26" xfId="5" applyNumberFormat="1" applyFont="1" applyFill="1" applyBorder="1" applyAlignment="1">
      <alignment vertical="center"/>
    </xf>
    <xf numFmtId="3" fontId="5" fillId="0" borderId="44" xfId="5" applyNumberFormat="1" applyFont="1" applyFill="1" applyBorder="1" applyAlignment="1">
      <alignment vertical="center"/>
    </xf>
    <xf numFmtId="3" fontId="5" fillId="0" borderId="29" xfId="5" applyNumberFormat="1" applyFont="1" applyFill="1" applyBorder="1" applyAlignment="1">
      <alignment vertical="center"/>
    </xf>
    <xf numFmtId="3" fontId="5" fillId="0" borderId="28" xfId="5" applyNumberFormat="1" applyFont="1" applyFill="1" applyBorder="1" applyAlignment="1">
      <alignment vertical="center"/>
    </xf>
    <xf numFmtId="3" fontId="5" fillId="0" borderId="9" xfId="5" applyNumberFormat="1" applyFont="1" applyFill="1" applyBorder="1" applyAlignment="1">
      <alignment vertical="center"/>
    </xf>
    <xf numFmtId="3" fontId="5" fillId="0" borderId="9" xfId="5" applyNumberFormat="1" applyFont="1" applyFill="1" applyBorder="1" applyAlignment="1">
      <alignment horizontal="right" vertical="center"/>
    </xf>
    <xf numFmtId="3" fontId="5" fillId="0" borderId="26" xfId="5" applyNumberFormat="1" applyFont="1" applyFill="1" applyBorder="1" applyAlignment="1">
      <alignment horizontal="right" vertical="center"/>
    </xf>
    <xf numFmtId="3" fontId="5" fillId="0" borderId="32" xfId="5" applyNumberFormat="1" applyFont="1" applyFill="1" applyBorder="1" applyAlignment="1">
      <alignment vertical="center"/>
    </xf>
    <xf numFmtId="3" fontId="5" fillId="0" borderId="32" xfId="5" applyNumberFormat="1" applyFont="1" applyFill="1" applyBorder="1" applyAlignment="1">
      <alignment horizontal="right" vertical="center"/>
    </xf>
    <xf numFmtId="3" fontId="5" fillId="0" borderId="13" xfId="5" applyNumberFormat="1" applyFont="1" applyFill="1" applyBorder="1" applyAlignment="1">
      <alignment vertical="center"/>
    </xf>
    <xf numFmtId="3" fontId="5" fillId="0" borderId="35" xfId="5" applyNumberFormat="1" applyFont="1" applyFill="1" applyBorder="1" applyAlignment="1">
      <alignment vertical="center"/>
    </xf>
    <xf numFmtId="3" fontId="6" fillId="0" borderId="9" xfId="4" applyNumberFormat="1" applyFont="1" applyFill="1" applyBorder="1" applyAlignment="1">
      <alignment horizontal="right" vertical="center"/>
    </xf>
    <xf numFmtId="3" fontId="6" fillId="0" borderId="10" xfId="4" applyNumberFormat="1" applyFont="1" applyFill="1" applyBorder="1" applyAlignment="1">
      <alignment horizontal="right" vertical="center"/>
    </xf>
    <xf numFmtId="3" fontId="6" fillId="0" borderId="16" xfId="4" applyNumberFormat="1" applyFont="1" applyFill="1" applyBorder="1" applyAlignment="1">
      <alignment horizontal="right" vertical="center"/>
    </xf>
    <xf numFmtId="3" fontId="4" fillId="0" borderId="9" xfId="5" applyNumberFormat="1" applyFont="1" applyFill="1" applyBorder="1" applyAlignment="1">
      <alignment vertical="center"/>
    </xf>
    <xf numFmtId="3" fontId="4" fillId="0" borderId="26" xfId="5" applyNumberFormat="1" applyFont="1" applyFill="1" applyBorder="1" applyAlignment="1">
      <alignment vertical="center"/>
    </xf>
    <xf numFmtId="3" fontId="4" fillId="0" borderId="27" xfId="5" applyNumberFormat="1" applyFont="1" applyFill="1" applyBorder="1" applyAlignment="1">
      <alignment vertical="center"/>
    </xf>
    <xf numFmtId="3" fontId="5" fillId="0" borderId="29" xfId="5" applyNumberFormat="1" applyFont="1" applyFill="1" applyBorder="1" applyAlignment="1">
      <alignment horizontal="right" vertical="center"/>
    </xf>
    <xf numFmtId="3" fontId="5" fillId="0" borderId="16" xfId="5" applyNumberFormat="1" applyFont="1" applyFill="1" applyBorder="1" applyAlignment="1">
      <alignment horizontal="right" vertical="center"/>
    </xf>
    <xf numFmtId="3" fontId="5" fillId="0" borderId="10" xfId="5" applyNumberFormat="1" applyFont="1" applyFill="1" applyBorder="1" applyAlignment="1">
      <alignment horizontal="right" vertical="center"/>
    </xf>
    <xf numFmtId="3" fontId="5" fillId="0" borderId="27" xfId="5" applyNumberFormat="1" applyFont="1" applyFill="1" applyBorder="1" applyAlignment="1">
      <alignment horizontal="right" vertical="center"/>
    </xf>
    <xf numFmtId="3" fontId="5" fillId="0" borderId="44" xfId="5" applyNumberFormat="1" applyFont="1" applyFill="1" applyBorder="1" applyAlignment="1">
      <alignment horizontal="right" vertical="center"/>
    </xf>
    <xf numFmtId="3" fontId="5" fillId="0" borderId="35" xfId="5" applyNumberFormat="1" applyFont="1" applyFill="1" applyBorder="1" applyAlignment="1">
      <alignment horizontal="right" vertical="center"/>
    </xf>
    <xf numFmtId="3" fontId="5" fillId="0" borderId="48" xfId="5" applyNumberFormat="1" applyFont="1" applyFill="1" applyBorder="1" applyAlignment="1">
      <alignment horizontal="right" vertical="center"/>
    </xf>
    <xf numFmtId="3" fontId="6" fillId="0" borderId="0" xfId="4" applyNumberFormat="1" applyFont="1" applyFill="1" applyBorder="1" applyAlignment="1">
      <alignment horizontal="right" vertical="center"/>
    </xf>
    <xf numFmtId="3" fontId="4" fillId="0" borderId="0" xfId="5" applyNumberFormat="1" applyFont="1" applyFill="1" applyBorder="1" applyAlignment="1"/>
    <xf numFmtId="3" fontId="4" fillId="0" borderId="9" xfId="5" applyNumberFormat="1" applyFont="1" applyFill="1" applyBorder="1" applyAlignment="1"/>
    <xf numFmtId="3" fontId="4" fillId="0" borderId="16" xfId="5" applyNumberFormat="1" applyFont="1" applyFill="1" applyBorder="1" applyAlignment="1"/>
    <xf numFmtId="3" fontId="5" fillId="0" borderId="34" xfId="5" applyNumberFormat="1" applyFont="1" applyFill="1" applyBorder="1" applyAlignment="1">
      <alignment vertical="center"/>
    </xf>
    <xf numFmtId="3" fontId="5" fillId="0" borderId="14" xfId="5" applyNumberFormat="1" applyFont="1" applyFill="1" applyBorder="1" applyAlignment="1">
      <alignment horizontal="right" vertical="center"/>
    </xf>
    <xf numFmtId="3" fontId="5" fillId="0" borderId="13" xfId="5" applyNumberFormat="1" applyFont="1" applyFill="1" applyBorder="1" applyAlignment="1">
      <alignment horizontal="right" vertical="center"/>
    </xf>
    <xf numFmtId="0" fontId="45" fillId="0" borderId="24" xfId="4" applyFont="1" applyFill="1" applyBorder="1" applyAlignment="1">
      <alignment horizontal="center"/>
    </xf>
    <xf numFmtId="3" fontId="14" fillId="0" borderId="16" xfId="5" applyNumberFormat="1" applyFont="1" applyFill="1" applyBorder="1" applyAlignment="1">
      <alignment vertical="center"/>
    </xf>
    <xf numFmtId="187" fontId="14" fillId="0" borderId="0" xfId="4" applyNumberFormat="1" applyFont="1" applyFill="1" applyBorder="1" applyAlignment="1">
      <alignment vertical="center"/>
    </xf>
    <xf numFmtId="187" fontId="14" fillId="0" borderId="10" xfId="4" applyNumberFormat="1" applyFont="1" applyFill="1" applyBorder="1" applyAlignment="1">
      <alignment vertical="center"/>
    </xf>
    <xf numFmtId="187" fontId="14" fillId="0" borderId="34" xfId="4" applyNumberFormat="1" applyFont="1" applyFill="1" applyBorder="1" applyAlignment="1">
      <alignment vertical="center"/>
    </xf>
    <xf numFmtId="3" fontId="14" fillId="0" borderId="27" xfId="5" applyNumberFormat="1" applyFont="1" applyFill="1" applyBorder="1" applyAlignment="1">
      <alignment vertical="center"/>
    </xf>
    <xf numFmtId="187" fontId="14" fillId="0" borderId="44" xfId="4" applyNumberFormat="1" applyFont="1" applyFill="1" applyBorder="1" applyAlignment="1">
      <alignment vertical="center"/>
    </xf>
    <xf numFmtId="3" fontId="14" fillId="0" borderId="28" xfId="5" applyNumberFormat="1" applyFont="1" applyFill="1" applyBorder="1" applyAlignment="1">
      <alignment vertical="center"/>
    </xf>
    <xf numFmtId="3" fontId="14" fillId="0" borderId="39" xfId="5" applyNumberFormat="1" applyFont="1" applyFill="1" applyBorder="1" applyAlignment="1">
      <alignment vertical="center"/>
    </xf>
    <xf numFmtId="187" fontId="14" fillId="0" borderId="46" xfId="4" applyNumberFormat="1" applyFont="1" applyFill="1" applyBorder="1" applyAlignment="1">
      <alignment vertical="center"/>
    </xf>
    <xf numFmtId="187" fontId="14" fillId="0" borderId="45" xfId="4" applyNumberFormat="1" applyFont="1" applyFill="1" applyBorder="1" applyAlignment="1">
      <alignment vertical="center"/>
    </xf>
    <xf numFmtId="3" fontId="14" fillId="0" borderId="14" xfId="5" applyNumberFormat="1" applyFont="1" applyFill="1" applyBorder="1" applyAlignment="1">
      <alignment vertical="center"/>
    </xf>
    <xf numFmtId="187" fontId="14" fillId="0" borderId="21" xfId="4" applyNumberFormat="1" applyFont="1" applyFill="1" applyBorder="1" applyAlignment="1">
      <alignment vertical="center"/>
    </xf>
    <xf numFmtId="187" fontId="14" fillId="0" borderId="12" xfId="4" applyNumberFormat="1" applyFont="1" applyFill="1" applyBorder="1" applyAlignment="1">
      <alignment vertical="center"/>
    </xf>
    <xf numFmtId="3" fontId="14" fillId="0" borderId="34" xfId="5" applyNumberFormat="1" applyFont="1" applyFill="1" applyBorder="1" applyAlignment="1">
      <alignment vertical="center"/>
    </xf>
    <xf numFmtId="3" fontId="14" fillId="0" borderId="26" xfId="5" applyNumberFormat="1" applyFont="1" applyFill="1" applyBorder="1" applyAlignment="1">
      <alignment vertical="center"/>
    </xf>
    <xf numFmtId="3" fontId="14" fillId="0" borderId="0" xfId="5" applyNumberFormat="1" applyFont="1" applyFill="1" applyBorder="1" applyAlignment="1">
      <alignment vertical="center"/>
    </xf>
    <xf numFmtId="3" fontId="14" fillId="0" borderId="9" xfId="5" applyNumberFormat="1" applyFont="1" applyFill="1" applyBorder="1" applyAlignment="1">
      <alignment vertical="center"/>
    </xf>
    <xf numFmtId="3" fontId="14" fillId="0" borderId="29" xfId="5" applyNumberFormat="1" applyFont="1" applyFill="1" applyBorder="1" applyAlignment="1">
      <alignment vertical="center"/>
    </xf>
    <xf numFmtId="3" fontId="14" fillId="0" borderId="16" xfId="5" applyNumberFormat="1" applyFont="1" applyFill="1" applyBorder="1" applyAlignment="1">
      <alignment horizontal="right" vertical="center"/>
    </xf>
    <xf numFmtId="3" fontId="14" fillId="0" borderId="9" xfId="5" applyNumberFormat="1" applyFont="1" applyFill="1" applyBorder="1" applyAlignment="1">
      <alignment horizontal="right" vertical="center"/>
    </xf>
    <xf numFmtId="3" fontId="14" fillId="0" borderId="27" xfId="5" applyNumberFormat="1" applyFont="1" applyFill="1" applyBorder="1" applyAlignment="1">
      <alignment horizontal="right" vertical="center"/>
    </xf>
    <xf numFmtId="3" fontId="14" fillId="0" borderId="26" xfId="5" applyNumberFormat="1" applyFont="1" applyFill="1" applyBorder="1" applyAlignment="1">
      <alignment horizontal="right" vertical="center"/>
    </xf>
    <xf numFmtId="3" fontId="14" fillId="0" borderId="33" xfId="5" applyNumberFormat="1" applyFont="1" applyFill="1" applyBorder="1" applyAlignment="1">
      <alignment vertical="center"/>
    </xf>
    <xf numFmtId="3" fontId="14" fillId="0" borderId="45" xfId="5" applyNumberFormat="1" applyFont="1" applyFill="1" applyBorder="1" applyAlignment="1">
      <alignment vertical="center"/>
    </xf>
    <xf numFmtId="3" fontId="14" fillId="0" borderId="38" xfId="5" applyNumberFormat="1" applyFont="1" applyFill="1" applyBorder="1" applyAlignment="1">
      <alignment vertical="center"/>
    </xf>
    <xf numFmtId="3" fontId="14" fillId="0" borderId="46" xfId="5" applyNumberFormat="1" applyFont="1" applyFill="1" applyBorder="1" applyAlignment="1">
      <alignment vertical="center"/>
    </xf>
    <xf numFmtId="3" fontId="14" fillId="0" borderId="39" xfId="5" applyNumberFormat="1" applyFont="1" applyFill="1" applyBorder="1" applyAlignment="1">
      <alignment horizontal="right" vertical="center"/>
    </xf>
    <xf numFmtId="3" fontId="14" fillId="0" borderId="38" xfId="5" applyNumberFormat="1" applyFont="1" applyFill="1" applyBorder="1" applyAlignment="1">
      <alignment horizontal="right" vertical="center"/>
    </xf>
    <xf numFmtId="3" fontId="14" fillId="0" borderId="21" xfId="5" applyNumberFormat="1" applyFont="1" applyFill="1" applyBorder="1" applyAlignment="1">
      <alignment vertical="center"/>
    </xf>
    <xf numFmtId="3" fontId="14" fillId="0" borderId="13" xfId="5" applyNumberFormat="1" applyFont="1" applyFill="1" applyBorder="1" applyAlignment="1">
      <alignment vertical="center"/>
    </xf>
    <xf numFmtId="3" fontId="14" fillId="0" borderId="14" xfId="5" applyNumberFormat="1" applyFont="1" applyFill="1" applyBorder="1" applyAlignment="1">
      <alignment horizontal="right" vertical="center"/>
    </xf>
    <xf numFmtId="3" fontId="14" fillId="0" borderId="13" xfId="5" applyNumberFormat="1" applyFont="1" applyFill="1" applyBorder="1" applyAlignment="1">
      <alignment horizontal="right" vertical="center"/>
    </xf>
    <xf numFmtId="0" fontId="5" fillId="0" borderId="0" xfId="4" applyFont="1" applyFill="1" applyAlignment="1">
      <alignment horizontal="left" vertical="center"/>
    </xf>
    <xf numFmtId="3" fontId="14" fillId="0" borderId="44" xfId="5" applyNumberFormat="1" applyFont="1" applyFill="1" applyBorder="1" applyAlignment="1">
      <alignment vertical="center"/>
    </xf>
    <xf numFmtId="3" fontId="4" fillId="0" borderId="16" xfId="5" applyNumberFormat="1" applyFont="1" applyFill="1" applyBorder="1" applyAlignment="1">
      <alignment horizontal="right" vertical="center"/>
    </xf>
    <xf numFmtId="3" fontId="4" fillId="0" borderId="9" xfId="5" applyNumberFormat="1" applyFont="1" applyFill="1" applyBorder="1" applyAlignment="1">
      <alignment horizontal="right" vertical="center"/>
    </xf>
    <xf numFmtId="3" fontId="4" fillId="0" borderId="0" xfId="5" applyNumberFormat="1" applyFont="1" applyFill="1" applyBorder="1" applyAlignment="1">
      <alignment horizontal="right" vertical="center"/>
    </xf>
    <xf numFmtId="3" fontId="4" fillId="0" borderId="10" xfId="5" applyNumberFormat="1" applyFont="1" applyFill="1" applyBorder="1" applyAlignment="1">
      <alignment horizontal="right" vertical="center"/>
    </xf>
    <xf numFmtId="3" fontId="5" fillId="0" borderId="34" xfId="5" applyNumberFormat="1" applyFont="1" applyFill="1" applyBorder="1" applyAlignment="1">
      <alignment horizontal="right" vertical="center"/>
    </xf>
    <xf numFmtId="3" fontId="5" fillId="0" borderId="0" xfId="5" applyNumberFormat="1" applyFont="1" applyFill="1" applyBorder="1" applyAlignment="1">
      <alignment horizontal="right" vertical="center"/>
    </xf>
    <xf numFmtId="3" fontId="3" fillId="0" borderId="9" xfId="4" applyNumberFormat="1" applyFont="1" applyFill="1" applyBorder="1" applyAlignment="1">
      <alignment horizontal="right"/>
    </xf>
    <xf numFmtId="3" fontId="3" fillId="0" borderId="0" xfId="4" applyNumberFormat="1" applyFont="1" applyFill="1" applyBorder="1" applyAlignment="1">
      <alignment horizontal="right"/>
    </xf>
    <xf numFmtId="3" fontId="3" fillId="0" borderId="16" xfId="4" applyNumberFormat="1" applyFont="1" applyFill="1" applyBorder="1" applyAlignment="1">
      <alignment horizontal="right"/>
    </xf>
    <xf numFmtId="3" fontId="4" fillId="0" borderId="10" xfId="5" applyNumberFormat="1" applyFont="1" applyFill="1" applyBorder="1" applyAlignment="1">
      <alignment horizontal="right" vertical="center" indent="1"/>
    </xf>
    <xf numFmtId="3" fontId="5" fillId="0" borderId="44" xfId="5" applyNumberFormat="1" applyFont="1" applyFill="1" applyBorder="1" applyAlignment="1">
      <alignment horizontal="right" vertical="center" indent="1"/>
    </xf>
    <xf numFmtId="3" fontId="5" fillId="0" borderId="10" xfId="5" applyNumberFormat="1" applyFont="1" applyFill="1" applyBorder="1" applyAlignment="1">
      <alignment horizontal="right" vertical="center" indent="1"/>
    </xf>
    <xf numFmtId="3" fontId="5" fillId="0" borderId="29" xfId="5" applyNumberFormat="1" applyFont="1" applyFill="1" applyBorder="1" applyAlignment="1">
      <alignment horizontal="right" vertical="center" indent="1"/>
    </xf>
    <xf numFmtId="3" fontId="5" fillId="0" borderId="26" xfId="5" applyNumberFormat="1" applyFont="1" applyFill="1" applyBorder="1" applyAlignment="1">
      <alignment horizontal="right" vertical="center" indent="1"/>
    </xf>
    <xf numFmtId="3" fontId="3" fillId="0" borderId="10" xfId="4" applyNumberFormat="1" applyFont="1" applyFill="1" applyBorder="1" applyAlignment="1">
      <alignment horizontal="right"/>
    </xf>
    <xf numFmtId="38" fontId="5" fillId="0" borderId="12" xfId="5" applyFont="1" applyFill="1" applyBorder="1" applyAlignment="1">
      <alignment horizontal="right" vertical="center" indent="1"/>
    </xf>
    <xf numFmtId="0" fontId="5" fillId="0" borderId="13" xfId="4" applyFont="1" applyFill="1" applyBorder="1" applyAlignment="1">
      <alignment vertical="center" textRotation="255"/>
    </xf>
    <xf numFmtId="3" fontId="5" fillId="0" borderId="21" xfId="5" applyNumberFormat="1" applyFont="1" applyFill="1" applyBorder="1" applyAlignment="1">
      <alignment horizontal="right" vertical="center"/>
    </xf>
    <xf numFmtId="3" fontId="5" fillId="0" borderId="12" xfId="5" applyNumberFormat="1" applyFont="1" applyFill="1" applyBorder="1" applyAlignment="1">
      <alignment horizontal="right" vertical="center"/>
    </xf>
    <xf numFmtId="3" fontId="5" fillId="0" borderId="32" xfId="5" applyNumberFormat="1" applyFont="1" applyFill="1" applyBorder="1" applyAlignment="1">
      <alignment horizontal="right" vertical="center" indent="1"/>
    </xf>
    <xf numFmtId="3" fontId="4" fillId="0" borderId="0" xfId="1" applyNumberFormat="1" applyFont="1" applyFill="1" applyBorder="1"/>
    <xf numFmtId="3" fontId="4" fillId="0" borderId="9" xfId="1" quotePrefix="1" applyNumberFormat="1" applyFont="1" applyFill="1" applyBorder="1" applyAlignment="1">
      <alignment horizontal="right"/>
    </xf>
    <xf numFmtId="3" fontId="5" fillId="0" borderId="0" xfId="1" applyNumberFormat="1" applyFont="1" applyFill="1" applyBorder="1"/>
    <xf numFmtId="3" fontId="5" fillId="0" borderId="16" xfId="1" applyNumberFormat="1" applyFont="1" applyFill="1" applyBorder="1" applyAlignment="1">
      <alignment horizontal="right"/>
    </xf>
    <xf numFmtId="3" fontId="4" fillId="0" borderId="16" xfId="1" applyNumberFormat="1" applyFont="1" applyFill="1" applyBorder="1"/>
    <xf numFmtId="3" fontId="5" fillId="0" borderId="0" xfId="1" applyNumberFormat="1" applyFont="1" applyFill="1" applyBorder="1" applyAlignment="1"/>
    <xf numFmtId="3" fontId="4" fillId="0" borderId="10" xfId="1" quotePrefix="1" applyNumberFormat="1" applyFont="1" applyFill="1" applyBorder="1" applyAlignment="1">
      <alignment horizontal="right"/>
    </xf>
    <xf numFmtId="3" fontId="5" fillId="0" borderId="0" xfId="1" applyNumberFormat="1" applyFont="1" applyFill="1" applyBorder="1" applyAlignment="1">
      <alignment horizontal="right"/>
    </xf>
    <xf numFmtId="3" fontId="4" fillId="0" borderId="9" xfId="1" applyNumberFormat="1" applyFont="1" applyFill="1" applyBorder="1"/>
    <xf numFmtId="3" fontId="6" fillId="0" borderId="9" xfId="1" applyNumberFormat="1" applyFont="1" applyFill="1" applyBorder="1" applyAlignment="1">
      <alignment horizontal="right" vertical="center"/>
    </xf>
    <xf numFmtId="3" fontId="6" fillId="0" borderId="16" xfId="1" applyNumberFormat="1" applyFont="1" applyFill="1" applyBorder="1" applyAlignment="1">
      <alignment horizontal="right" vertical="center"/>
    </xf>
    <xf numFmtId="3" fontId="6" fillId="0" borderId="14" xfId="1" applyNumberFormat="1" applyFont="1" applyFill="1" applyBorder="1" applyAlignment="1">
      <alignment horizontal="right" vertical="center"/>
    </xf>
    <xf numFmtId="0" fontId="57" fillId="0" borderId="0" xfId="3" applyFont="1" applyFill="1" applyAlignment="1">
      <alignment horizontal="right"/>
    </xf>
    <xf numFmtId="0" fontId="11" fillId="0" borderId="21" xfId="0" applyFont="1" applyFill="1" applyBorder="1" applyAlignment="1">
      <alignment vertical="center"/>
    </xf>
    <xf numFmtId="3" fontId="12" fillId="0" borderId="49" xfId="4" applyNumberFormat="1" applyFont="1" applyFill="1" applyBorder="1" applyAlignment="1">
      <alignment horizontal="center" vertical="center"/>
    </xf>
    <xf numFmtId="3" fontId="12" fillId="0" borderId="42" xfId="5" applyNumberFormat="1" applyFont="1" applyFill="1" applyBorder="1"/>
    <xf numFmtId="3" fontId="3" fillId="0" borderId="42" xfId="8" applyNumberFormat="1" applyFont="1" applyFill="1" applyBorder="1"/>
    <xf numFmtId="3" fontId="3" fillId="0" borderId="42" xfId="5" applyNumberFormat="1" applyFont="1" applyFill="1" applyBorder="1"/>
    <xf numFmtId="3" fontId="3" fillId="0" borderId="42" xfId="5" applyNumberFormat="1" applyFont="1" applyFill="1" applyBorder="1" applyAlignment="1">
      <alignment horizontal="right"/>
    </xf>
    <xf numFmtId="3" fontId="12" fillId="0" borderId="42" xfId="5" applyNumberFormat="1" applyFont="1" applyFill="1" applyBorder="1" applyAlignment="1">
      <alignment horizontal="right"/>
    </xf>
    <xf numFmtId="3" fontId="3" fillId="0" borderId="42" xfId="8" applyNumberFormat="1" applyFont="1" applyFill="1" applyBorder="1" applyAlignment="1">
      <alignment horizontal="right"/>
    </xf>
    <xf numFmtId="3" fontId="3" fillId="0" borderId="43" xfId="5" applyNumberFormat="1" applyFont="1" applyFill="1" applyBorder="1"/>
    <xf numFmtId="3" fontId="3" fillId="0" borderId="43" xfId="5" applyNumberFormat="1" applyFont="1" applyFill="1" applyBorder="1" applyAlignment="1">
      <alignment horizontal="right"/>
    </xf>
    <xf numFmtId="3" fontId="3" fillId="0" borderId="50" xfId="5" applyNumberFormat="1" applyFont="1" applyFill="1" applyBorder="1" applyAlignment="1">
      <alignment horizontal="right" vertical="center"/>
    </xf>
    <xf numFmtId="3" fontId="3" fillId="0" borderId="50" xfId="5" applyNumberFormat="1" applyFont="1" applyFill="1" applyBorder="1" applyAlignment="1" applyProtection="1">
      <alignment horizontal="right" vertical="center"/>
    </xf>
    <xf numFmtId="0" fontId="3" fillId="0" borderId="10" xfId="4" applyFont="1" applyFill="1" applyBorder="1" applyAlignment="1">
      <alignment horizontal="right"/>
    </xf>
    <xf numFmtId="180" fontId="5" fillId="0" borderId="10" xfId="4" applyNumberFormat="1" applyFont="1" applyFill="1" applyBorder="1" applyAlignment="1">
      <alignment horizontal="right"/>
    </xf>
    <xf numFmtId="38" fontId="5" fillId="0" borderId="32" xfId="1" applyFont="1" applyFill="1" applyBorder="1" applyAlignment="1">
      <alignment wrapText="1"/>
    </xf>
    <xf numFmtId="0" fontId="6" fillId="0" borderId="3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/>
    </xf>
    <xf numFmtId="0" fontId="6" fillId="0" borderId="5" xfId="0" applyFont="1" applyFill="1" applyBorder="1" applyAlignment="1">
      <alignment horizontal="center"/>
    </xf>
    <xf numFmtId="0" fontId="3" fillId="0" borderId="7" xfId="0" applyFont="1" applyFill="1" applyBorder="1" applyAlignment="1">
      <alignment horizontal="center" vertical="center" textRotation="255"/>
    </xf>
    <xf numFmtId="0" fontId="3" fillId="0" borderId="10" xfId="0" applyFont="1" applyFill="1" applyBorder="1" applyAlignment="1">
      <alignment horizontal="center" vertical="center" textRotation="255"/>
    </xf>
    <xf numFmtId="0" fontId="3" fillId="0" borderId="12" xfId="0" applyFont="1" applyFill="1" applyBorder="1" applyAlignment="1">
      <alignment horizontal="center" vertical="center" textRotation="255"/>
    </xf>
    <xf numFmtId="0" fontId="3" fillId="0" borderId="8" xfId="0" applyFont="1" applyFill="1" applyBorder="1" applyAlignment="1">
      <alignment horizontal="center" vertical="center" textRotation="255"/>
    </xf>
    <xf numFmtId="0" fontId="3" fillId="0" borderId="9" xfId="0" applyFont="1" applyFill="1" applyBorder="1" applyAlignment="1">
      <alignment horizontal="center" vertical="center" textRotation="255"/>
    </xf>
    <xf numFmtId="0" fontId="3" fillId="0" borderId="6" xfId="0" applyFont="1" applyFill="1" applyBorder="1" applyAlignment="1">
      <alignment horizontal="center" vertical="center" textRotation="255"/>
    </xf>
    <xf numFmtId="0" fontId="3" fillId="0" borderId="13" xfId="0" applyFont="1" applyFill="1" applyBorder="1" applyAlignment="1">
      <alignment horizontal="center" vertical="center" textRotation="255"/>
    </xf>
    <xf numFmtId="0" fontId="3" fillId="0" borderId="2" xfId="0" applyFont="1" applyFill="1" applyBorder="1" applyAlignment="1">
      <alignment horizontal="center" vertical="center" textRotation="255"/>
    </xf>
    <xf numFmtId="0" fontId="3" fillId="0" borderId="3" xfId="0" applyFont="1" applyFill="1" applyBorder="1" applyAlignment="1">
      <alignment vertical="top" textRotation="255"/>
    </xf>
    <xf numFmtId="0" fontId="3" fillId="0" borderId="9" xfId="0" applyFont="1" applyFill="1" applyBorder="1" applyAlignment="1">
      <alignment vertical="top" textRotation="255"/>
    </xf>
    <xf numFmtId="0" fontId="3" fillId="0" borderId="6" xfId="0" applyFont="1" applyFill="1" applyBorder="1" applyAlignment="1">
      <alignment vertical="top" textRotation="255"/>
    </xf>
    <xf numFmtId="0" fontId="3" fillId="0" borderId="8" xfId="0" applyFont="1" applyFill="1" applyBorder="1" applyAlignment="1">
      <alignment vertical="top" textRotation="255"/>
    </xf>
    <xf numFmtId="0" fontId="3" fillId="0" borderId="13" xfId="0" applyFont="1" applyFill="1" applyBorder="1" applyAlignment="1">
      <alignment vertical="top" textRotation="255"/>
    </xf>
    <xf numFmtId="0" fontId="9" fillId="0" borderId="17" xfId="0" applyFont="1" applyFill="1" applyBorder="1" applyAlignment="1">
      <alignment horizontal="center" vertical="center"/>
    </xf>
    <xf numFmtId="0" fontId="9" fillId="0" borderId="18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/>
    </xf>
    <xf numFmtId="0" fontId="6" fillId="0" borderId="2" xfId="0" applyFont="1" applyFill="1" applyBorder="1" applyAlignment="1">
      <alignment horizontal="center"/>
    </xf>
    <xf numFmtId="0" fontId="3" fillId="0" borderId="11" xfId="0" applyFont="1" applyFill="1" applyBorder="1" applyAlignment="1">
      <alignment horizontal="center" vertical="center" textRotation="255"/>
    </xf>
    <xf numFmtId="0" fontId="5" fillId="0" borderId="7" xfId="0" applyFont="1" applyFill="1" applyBorder="1" applyAlignment="1"/>
    <xf numFmtId="0" fontId="3" fillId="0" borderId="0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/>
    <xf numFmtId="0" fontId="3" fillId="0" borderId="4" xfId="0" applyFont="1" applyFill="1" applyBorder="1" applyAlignment="1">
      <alignment horizontal="center" vertical="center" textRotation="255"/>
    </xf>
    <xf numFmtId="0" fontId="5" fillId="0" borderId="5" xfId="0" applyFont="1" applyFill="1" applyBorder="1" applyAlignment="1"/>
    <xf numFmtId="0" fontId="3" fillId="0" borderId="21" xfId="0" applyFont="1" applyFill="1" applyBorder="1" applyAlignment="1">
      <alignment horizontal="center" vertical="center" textRotation="255"/>
    </xf>
    <xf numFmtId="0" fontId="5" fillId="0" borderId="12" xfId="0" applyFont="1" applyFill="1" applyBorder="1" applyAlignment="1"/>
    <xf numFmtId="0" fontId="10" fillId="0" borderId="0" xfId="0" applyFont="1" applyFill="1" applyAlignment="1">
      <alignment horizontal="center" vertical="center"/>
    </xf>
    <xf numFmtId="0" fontId="10" fillId="0" borderId="0" xfId="0" applyFont="1" applyFill="1" applyAlignment="1">
      <alignment horizontal="left" vertical="center" indent="1"/>
    </xf>
    <xf numFmtId="0" fontId="10" fillId="0" borderId="0" xfId="0" applyFont="1" applyFill="1" applyBorder="1" applyAlignment="1">
      <alignment horizontal="center"/>
    </xf>
    <xf numFmtId="0" fontId="5" fillId="0" borderId="15" xfId="3" applyFont="1" applyFill="1" applyBorder="1" applyAlignment="1">
      <alignment horizontal="center" vertical="center"/>
    </xf>
    <xf numFmtId="0" fontId="5" fillId="0" borderId="2" xfId="3" applyFont="1" applyFill="1" applyBorder="1" applyAlignment="1">
      <alignment horizontal="center" vertical="center"/>
    </xf>
    <xf numFmtId="0" fontId="5" fillId="0" borderId="22" xfId="3" applyFont="1" applyFill="1" applyBorder="1" applyAlignment="1">
      <alignment horizontal="center" vertical="center"/>
    </xf>
    <xf numFmtId="0" fontId="5" fillId="0" borderId="5" xfId="3" applyFont="1" applyFill="1" applyBorder="1" applyAlignment="1">
      <alignment horizontal="center" vertical="center"/>
    </xf>
    <xf numFmtId="0" fontId="5" fillId="0" borderId="1" xfId="3" applyFont="1" applyFill="1" applyBorder="1" applyAlignment="1">
      <alignment horizontal="center" vertical="center"/>
    </xf>
    <xf numFmtId="0" fontId="5" fillId="0" borderId="4" xfId="3" applyFont="1" applyFill="1" applyBorder="1" applyAlignment="1">
      <alignment horizontal="center" vertical="center"/>
    </xf>
    <xf numFmtId="0" fontId="6" fillId="0" borderId="1" xfId="4" applyFont="1" applyFill="1" applyBorder="1" applyAlignment="1">
      <alignment horizontal="center" vertical="center"/>
    </xf>
    <xf numFmtId="0" fontId="6" fillId="0" borderId="2" xfId="4" applyFont="1" applyFill="1" applyBorder="1" applyAlignment="1">
      <alignment horizontal="center" vertical="center"/>
    </xf>
    <xf numFmtId="0" fontId="6" fillId="0" borderId="0" xfId="4" applyFont="1" applyFill="1" applyBorder="1" applyAlignment="1">
      <alignment horizontal="center" vertical="center"/>
    </xf>
    <xf numFmtId="0" fontId="6" fillId="0" borderId="10" xfId="4" applyFont="1" applyFill="1" applyBorder="1" applyAlignment="1">
      <alignment horizontal="center" vertical="center"/>
    </xf>
    <xf numFmtId="0" fontId="6" fillId="0" borderId="4" xfId="4" applyFont="1" applyFill="1" applyBorder="1" applyAlignment="1">
      <alignment horizontal="center" vertical="center"/>
    </xf>
    <xf numFmtId="0" fontId="6" fillId="0" borderId="5" xfId="4" applyFont="1" applyFill="1" applyBorder="1" applyAlignment="1">
      <alignment horizontal="center" vertical="center"/>
    </xf>
    <xf numFmtId="0" fontId="6" fillId="0" borderId="19" xfId="4" applyFont="1" applyFill="1" applyBorder="1" applyAlignment="1">
      <alignment horizontal="center" vertical="center"/>
    </xf>
    <xf numFmtId="0" fontId="6" fillId="0" borderId="17" xfId="4" applyFont="1" applyFill="1" applyBorder="1" applyAlignment="1">
      <alignment horizontal="center" vertical="center"/>
    </xf>
    <xf numFmtId="0" fontId="6" fillId="0" borderId="18" xfId="4" applyFont="1" applyFill="1" applyBorder="1" applyAlignment="1">
      <alignment horizontal="center" vertical="center"/>
    </xf>
    <xf numFmtId="0" fontId="6" fillId="0" borderId="25" xfId="4" applyFont="1" applyFill="1" applyBorder="1" applyAlignment="1">
      <alignment horizontal="center" vertical="center"/>
    </xf>
    <xf numFmtId="0" fontId="6" fillId="0" borderId="24" xfId="4" applyFont="1" applyFill="1" applyBorder="1" applyAlignment="1">
      <alignment horizontal="center" vertical="center"/>
    </xf>
    <xf numFmtId="0" fontId="6" fillId="0" borderId="36" xfId="4" applyFont="1" applyFill="1" applyBorder="1" applyAlignment="1">
      <alignment horizontal="center" vertical="center"/>
    </xf>
    <xf numFmtId="0" fontId="3" fillId="0" borderId="37" xfId="4" applyFont="1" applyFill="1" applyBorder="1" applyAlignment="1">
      <alignment horizontal="center" vertical="center"/>
    </xf>
    <xf numFmtId="0" fontId="3" fillId="0" borderId="19" xfId="4" applyFont="1" applyFill="1" applyBorder="1" applyAlignment="1">
      <alignment horizontal="center" vertical="center"/>
    </xf>
    <xf numFmtId="0" fontId="3" fillId="0" borderId="4" xfId="4" applyFont="1" applyFill="1" applyBorder="1" applyAlignment="1">
      <alignment horizontal="center" vertical="center" shrinkToFit="1"/>
    </xf>
    <xf numFmtId="0" fontId="3" fillId="0" borderId="5" xfId="4" applyFont="1" applyFill="1" applyBorder="1" applyAlignment="1">
      <alignment horizontal="center" vertical="center" shrinkToFit="1"/>
    </xf>
    <xf numFmtId="0" fontId="3" fillId="0" borderId="0" xfId="4" quotePrefix="1" applyFont="1" applyFill="1" applyBorder="1" applyAlignment="1">
      <alignment horizontal="center"/>
    </xf>
    <xf numFmtId="0" fontId="3" fillId="0" borderId="10" xfId="4" quotePrefix="1" applyFont="1" applyFill="1" applyBorder="1" applyAlignment="1">
      <alignment horizontal="center"/>
    </xf>
    <xf numFmtId="0" fontId="3" fillId="0" borderId="0" xfId="4" applyFont="1" applyFill="1" applyBorder="1" applyAlignment="1">
      <alignment horizontal="center"/>
    </xf>
    <xf numFmtId="0" fontId="3" fillId="0" borderId="10" xfId="4" applyFont="1" applyFill="1" applyBorder="1" applyAlignment="1">
      <alignment horizontal="center"/>
    </xf>
    <xf numFmtId="0" fontId="3" fillId="0" borderId="1" xfId="4" applyFont="1" applyFill="1" applyBorder="1" applyAlignment="1">
      <alignment horizontal="center"/>
    </xf>
    <xf numFmtId="0" fontId="3" fillId="0" borderId="2" xfId="4" applyFont="1" applyFill="1" applyBorder="1" applyAlignment="1">
      <alignment horizontal="center"/>
    </xf>
    <xf numFmtId="0" fontId="3" fillId="0" borderId="3" xfId="4" applyFont="1" applyFill="1" applyBorder="1" applyAlignment="1">
      <alignment horizontal="center" vertical="center"/>
    </xf>
    <xf numFmtId="0" fontId="3" fillId="0" borderId="6" xfId="4" applyFont="1" applyFill="1" applyBorder="1" applyAlignment="1">
      <alignment horizontal="center" vertical="center"/>
    </xf>
    <xf numFmtId="0" fontId="6" fillId="0" borderId="10" xfId="0" applyFont="1" applyFill="1" applyBorder="1" applyAlignment="1">
      <alignment horizontal="center" vertical="top" wrapText="1"/>
    </xf>
    <xf numFmtId="0" fontId="6" fillId="0" borderId="10" xfId="0" applyFont="1" applyFill="1" applyBorder="1" applyAlignment="1">
      <alignment horizontal="center" vertical="top"/>
    </xf>
    <xf numFmtId="0" fontId="6" fillId="0" borderId="2" xfId="0" applyFont="1" applyFill="1" applyBorder="1" applyAlignment="1">
      <alignment horizontal="center" vertical="center" textRotation="255" wrapText="1"/>
    </xf>
    <xf numFmtId="0" fontId="6" fillId="0" borderId="10" xfId="0" applyFont="1" applyFill="1" applyBorder="1" applyAlignment="1">
      <alignment horizontal="center" vertical="center" textRotation="255"/>
    </xf>
    <xf numFmtId="0" fontId="3" fillId="0" borderId="19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20" xfId="0" applyFont="1" applyFill="1" applyBorder="1" applyAlignment="1">
      <alignment horizontal="center" vertical="center"/>
    </xf>
    <xf numFmtId="0" fontId="3" fillId="0" borderId="22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6" fillId="0" borderId="19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0" borderId="18" xfId="0" applyFont="1" applyFill="1" applyBorder="1" applyAlignment="1">
      <alignment horizontal="center" vertical="center"/>
    </xf>
    <xf numFmtId="0" fontId="3" fillId="0" borderId="15" xfId="4" applyFont="1" applyFill="1" applyBorder="1" applyAlignment="1">
      <alignment horizontal="center" vertical="center"/>
    </xf>
    <xf numFmtId="0" fontId="3" fillId="0" borderId="22" xfId="4" applyFont="1" applyFill="1" applyBorder="1" applyAlignment="1">
      <alignment horizontal="center" vertical="center"/>
    </xf>
    <xf numFmtId="0" fontId="3" fillId="0" borderId="0" xfId="4" applyFont="1" applyFill="1" applyBorder="1" applyAlignment="1">
      <alignment horizontal="center" vertical="center"/>
    </xf>
    <xf numFmtId="0" fontId="3" fillId="0" borderId="10" xfId="4" applyFont="1" applyFill="1" applyBorder="1" applyAlignment="1"/>
    <xf numFmtId="0" fontId="3" fillId="0" borderId="4" xfId="4" applyFont="1" applyFill="1" applyBorder="1" applyAlignment="1"/>
    <xf numFmtId="0" fontId="3" fillId="0" borderId="5" xfId="4" applyFont="1" applyFill="1" applyBorder="1" applyAlignment="1"/>
    <xf numFmtId="0" fontId="3" fillId="0" borderId="3" xfId="4" applyFont="1" applyFill="1" applyBorder="1" applyAlignment="1">
      <alignment horizontal="center" vertical="distributed"/>
    </xf>
    <xf numFmtId="0" fontId="3" fillId="0" borderId="6" xfId="4" applyFont="1" applyFill="1" applyBorder="1" applyAlignment="1">
      <alignment horizontal="center" vertical="distributed"/>
    </xf>
    <xf numFmtId="0" fontId="3" fillId="0" borderId="1" xfId="4" applyFont="1" applyFill="1" applyBorder="1" applyAlignment="1">
      <alignment horizontal="center" vertical="center"/>
    </xf>
    <xf numFmtId="0" fontId="3" fillId="0" borderId="2" xfId="4" applyFont="1" applyFill="1" applyBorder="1" applyAlignment="1">
      <alignment horizontal="center" vertical="center"/>
    </xf>
    <xf numFmtId="0" fontId="3" fillId="0" borderId="4" xfId="4" applyFont="1" applyFill="1" applyBorder="1" applyAlignment="1">
      <alignment horizontal="center" vertical="center"/>
    </xf>
    <xf numFmtId="0" fontId="3" fillId="0" borderId="5" xfId="4" applyFont="1" applyFill="1" applyBorder="1" applyAlignment="1">
      <alignment horizontal="center" vertical="center"/>
    </xf>
    <xf numFmtId="0" fontId="5" fillId="0" borderId="0" xfId="0" applyFont="1" applyFill="1" applyAlignment="1">
      <alignment horizontal="right"/>
    </xf>
    <xf numFmtId="3" fontId="12" fillId="0" borderId="19" xfId="4" applyNumberFormat="1" applyFont="1" applyFill="1" applyBorder="1" applyAlignment="1">
      <alignment horizontal="center" vertical="center"/>
    </xf>
    <xf numFmtId="3" fontId="12" fillId="0" borderId="17" xfId="4" applyNumberFormat="1" applyFont="1" applyFill="1" applyBorder="1" applyAlignment="1">
      <alignment horizontal="center" vertical="center"/>
    </xf>
    <xf numFmtId="3" fontId="12" fillId="0" borderId="40" xfId="4" applyNumberFormat="1" applyFont="1" applyFill="1" applyBorder="1" applyAlignment="1">
      <alignment horizontal="center" vertical="center"/>
    </xf>
    <xf numFmtId="3" fontId="12" fillId="0" borderId="18" xfId="4" applyNumberFormat="1" applyFont="1" applyFill="1" applyBorder="1" applyAlignment="1">
      <alignment horizontal="center" vertical="center"/>
    </xf>
    <xf numFmtId="0" fontId="12" fillId="0" borderId="19" xfId="4" applyFont="1" applyFill="1" applyBorder="1" applyAlignment="1">
      <alignment horizontal="center" vertical="center"/>
    </xf>
    <xf numFmtId="0" fontId="12" fillId="0" borderId="17" xfId="4" applyFont="1" applyFill="1" applyBorder="1" applyAlignment="1">
      <alignment horizontal="center" vertical="center"/>
    </xf>
    <xf numFmtId="0" fontId="12" fillId="0" borderId="40" xfId="4" applyFont="1" applyFill="1" applyBorder="1" applyAlignment="1">
      <alignment horizontal="center" vertical="center"/>
    </xf>
    <xf numFmtId="0" fontId="26" fillId="0" borderId="17" xfId="4" applyFont="1" applyFill="1" applyBorder="1" applyAlignment="1">
      <alignment horizontal="center" vertical="center"/>
    </xf>
    <xf numFmtId="0" fontId="26" fillId="0" borderId="40" xfId="4" applyFont="1" applyFill="1" applyBorder="1" applyAlignment="1">
      <alignment horizontal="center" vertical="center"/>
    </xf>
    <xf numFmtId="56" fontId="12" fillId="0" borderId="19" xfId="4" applyNumberFormat="1" applyFont="1" applyFill="1" applyBorder="1" applyAlignment="1">
      <alignment horizontal="center" vertical="center"/>
    </xf>
    <xf numFmtId="56" fontId="12" fillId="0" borderId="17" xfId="4" applyNumberFormat="1" applyFont="1" applyFill="1" applyBorder="1" applyAlignment="1">
      <alignment horizontal="center" vertical="center"/>
    </xf>
    <xf numFmtId="56" fontId="12" fillId="0" borderId="40" xfId="4" applyNumberFormat="1" applyFont="1" applyFill="1" applyBorder="1" applyAlignment="1">
      <alignment horizontal="center" vertical="center"/>
    </xf>
    <xf numFmtId="56" fontId="26" fillId="0" borderId="17" xfId="4" applyNumberFormat="1" applyFont="1" applyFill="1" applyBorder="1" applyAlignment="1">
      <alignment horizontal="center" vertical="center"/>
    </xf>
    <xf numFmtId="56" fontId="26" fillId="0" borderId="40" xfId="4" applyNumberFormat="1" applyFont="1" applyFill="1" applyBorder="1" applyAlignment="1">
      <alignment horizontal="center" vertical="center"/>
    </xf>
    <xf numFmtId="0" fontId="3" fillId="0" borderId="10" xfId="4" applyFont="1" applyFill="1" applyBorder="1" applyAlignment="1">
      <alignment horizontal="center" vertical="center" textRotation="255"/>
    </xf>
    <xf numFmtId="0" fontId="3" fillId="0" borderId="9" xfId="4" applyFont="1" applyFill="1" applyBorder="1" applyAlignment="1">
      <alignment horizontal="center" vertical="center" textRotation="255"/>
    </xf>
    <xf numFmtId="0" fontId="6" fillId="0" borderId="9" xfId="4" applyFont="1" applyFill="1" applyBorder="1" applyAlignment="1">
      <alignment horizontal="center" vertical="center"/>
    </xf>
    <xf numFmtId="0" fontId="6" fillId="0" borderId="16" xfId="4" applyFont="1" applyFill="1" applyBorder="1" applyAlignment="1">
      <alignment horizontal="center" vertical="center"/>
    </xf>
    <xf numFmtId="0" fontId="6" fillId="0" borderId="22" xfId="4" applyFont="1" applyFill="1" applyBorder="1" applyAlignment="1">
      <alignment horizontal="center" vertical="center"/>
    </xf>
    <xf numFmtId="0" fontId="12" fillId="0" borderId="9" xfId="4" applyFont="1" applyFill="1" applyBorder="1" applyAlignment="1">
      <alignment horizontal="center" vertical="center" wrapText="1"/>
    </xf>
    <xf numFmtId="0" fontId="12" fillId="0" borderId="9" xfId="4" applyFont="1" applyFill="1" applyBorder="1" applyAlignment="1">
      <alignment horizontal="center" vertical="center"/>
    </xf>
    <xf numFmtId="0" fontId="12" fillId="0" borderId="13" xfId="4" applyFont="1" applyFill="1" applyBorder="1" applyAlignment="1">
      <alignment horizontal="center" vertical="center"/>
    </xf>
    <xf numFmtId="0" fontId="5" fillId="0" borderId="0" xfId="4" applyFont="1" applyFill="1" applyBorder="1" applyAlignment="1">
      <alignment horizontal="center" vertical="center"/>
    </xf>
    <xf numFmtId="0" fontId="5" fillId="0" borderId="9" xfId="4" applyFont="1" applyFill="1" applyBorder="1" applyAlignment="1">
      <alignment horizontal="center" vertical="center"/>
    </xf>
    <xf numFmtId="0" fontId="26" fillId="0" borderId="16" xfId="4" applyFont="1" applyFill="1" applyBorder="1" applyAlignment="1">
      <alignment horizontal="center" vertical="center"/>
    </xf>
    <xf numFmtId="0" fontId="26" fillId="0" borderId="10" xfId="4" applyFont="1" applyFill="1" applyBorder="1" applyAlignment="1">
      <alignment horizontal="center" vertical="center"/>
    </xf>
    <xf numFmtId="0" fontId="26" fillId="0" borderId="22" xfId="4" applyFont="1" applyFill="1" applyBorder="1" applyAlignment="1">
      <alignment horizontal="center"/>
    </xf>
    <xf numFmtId="0" fontId="26" fillId="0" borderId="5" xfId="4" applyFont="1" applyFill="1" applyBorder="1" applyAlignment="1">
      <alignment horizontal="center"/>
    </xf>
    <xf numFmtId="0" fontId="3" fillId="0" borderId="2" xfId="4" applyFont="1" applyFill="1" applyBorder="1" applyAlignment="1">
      <alignment horizontal="center" vertical="center" wrapText="1"/>
    </xf>
    <xf numFmtId="0" fontId="3" fillId="0" borderId="10" xfId="4" applyFont="1" applyFill="1" applyBorder="1" applyAlignment="1">
      <alignment horizontal="center" vertical="center"/>
    </xf>
    <xf numFmtId="0" fontId="44" fillId="0" borderId="16" xfId="4" applyFont="1" applyFill="1" applyBorder="1" applyAlignment="1">
      <alignment horizontal="center"/>
    </xf>
    <xf numFmtId="0" fontId="44" fillId="0" borderId="0" xfId="4" applyFont="1" applyFill="1" applyBorder="1" applyAlignment="1">
      <alignment horizontal="center"/>
    </xf>
    <xf numFmtId="0" fontId="44" fillId="0" borderId="10" xfId="4" applyFont="1" applyFill="1" applyBorder="1" applyAlignment="1">
      <alignment horizontal="center"/>
    </xf>
    <xf numFmtId="0" fontId="44" fillId="0" borderId="20" xfId="4" applyFont="1" applyFill="1" applyBorder="1" applyAlignment="1">
      <alignment horizontal="center"/>
    </xf>
    <xf numFmtId="0" fontId="44" fillId="0" borderId="11" xfId="4" applyFont="1" applyFill="1" applyBorder="1" applyAlignment="1">
      <alignment horizontal="center"/>
    </xf>
    <xf numFmtId="0" fontId="44" fillId="0" borderId="7" xfId="4" applyFont="1" applyFill="1" applyBorder="1" applyAlignment="1">
      <alignment horizontal="center"/>
    </xf>
    <xf numFmtId="0" fontId="44" fillId="0" borderId="22" xfId="4" applyFont="1" applyFill="1" applyBorder="1" applyAlignment="1">
      <alignment horizontal="center" vertical="center"/>
    </xf>
    <xf numFmtId="0" fontId="44" fillId="0" borderId="4" xfId="4" applyFont="1" applyFill="1" applyBorder="1" applyAlignment="1">
      <alignment horizontal="center" vertical="center"/>
    </xf>
    <xf numFmtId="0" fontId="44" fillId="0" borderId="5" xfId="4" applyFont="1" applyFill="1" applyBorder="1" applyAlignment="1">
      <alignment horizontal="center" vertical="center"/>
    </xf>
    <xf numFmtId="0" fontId="22" fillId="0" borderId="0" xfId="4" applyFont="1" applyFill="1" applyBorder="1" applyAlignment="1">
      <alignment horizontal="center"/>
    </xf>
    <xf numFmtId="0" fontId="22" fillId="0" borderId="10" xfId="4" applyFont="1" applyFill="1" applyBorder="1" applyAlignment="1">
      <alignment horizontal="center"/>
    </xf>
    <xf numFmtId="0" fontId="5" fillId="0" borderId="10" xfId="4" applyFont="1" applyFill="1" applyBorder="1" applyAlignment="1">
      <alignment horizontal="center" vertical="top" textRotation="255"/>
    </xf>
    <xf numFmtId="0" fontId="5" fillId="0" borderId="12" xfId="4" applyFont="1" applyFill="1" applyBorder="1" applyAlignment="1">
      <alignment horizontal="center" vertical="top" textRotation="255"/>
    </xf>
    <xf numFmtId="0" fontId="5" fillId="0" borderId="9" xfId="4" applyFont="1" applyFill="1" applyBorder="1" applyAlignment="1">
      <alignment horizontal="center" vertical="top" textRotation="255"/>
    </xf>
    <xf numFmtId="0" fontId="5" fillId="0" borderId="13" xfId="4" applyFont="1" applyFill="1" applyBorder="1" applyAlignment="1">
      <alignment horizontal="center" vertical="top" textRotation="255"/>
    </xf>
    <xf numFmtId="0" fontId="45" fillId="0" borderId="1" xfId="4" applyFont="1" applyFill="1" applyBorder="1" applyAlignment="1">
      <alignment horizontal="center" vertical="center"/>
    </xf>
    <xf numFmtId="0" fontId="45" fillId="0" borderId="2" xfId="4" applyFont="1" applyFill="1" applyBorder="1" applyAlignment="1">
      <alignment horizontal="center" vertical="center"/>
    </xf>
    <xf numFmtId="0" fontId="45" fillId="0" borderId="4" xfId="4" applyFont="1" applyFill="1" applyBorder="1" applyAlignment="1">
      <alignment horizontal="center" vertical="center"/>
    </xf>
    <xf numFmtId="0" fontId="45" fillId="0" borderId="5" xfId="4" applyFont="1" applyFill="1" applyBorder="1" applyAlignment="1">
      <alignment horizontal="center" vertical="center"/>
    </xf>
    <xf numFmtId="0" fontId="3" fillId="0" borderId="19" xfId="4" applyFont="1" applyFill="1" applyBorder="1" applyAlignment="1">
      <alignment horizontal="center"/>
    </xf>
    <xf numFmtId="0" fontId="3" fillId="0" borderId="17" xfId="4" applyFont="1" applyFill="1" applyBorder="1" applyAlignment="1">
      <alignment horizontal="center"/>
    </xf>
    <xf numFmtId="0" fontId="3" fillId="0" borderId="18" xfId="4" applyFont="1" applyFill="1" applyBorder="1" applyAlignment="1">
      <alignment horizontal="center"/>
    </xf>
    <xf numFmtId="0" fontId="3" fillId="0" borderId="19" xfId="4" quotePrefix="1" applyFont="1" applyFill="1" applyBorder="1" applyAlignment="1">
      <alignment horizontal="center"/>
    </xf>
    <xf numFmtId="0" fontId="3" fillId="0" borderId="17" xfId="4" quotePrefix="1" applyFont="1" applyFill="1" applyBorder="1" applyAlignment="1">
      <alignment horizontal="center"/>
    </xf>
    <xf numFmtId="0" fontId="3" fillId="0" borderId="18" xfId="4" quotePrefix="1" applyFont="1" applyFill="1" applyBorder="1" applyAlignment="1">
      <alignment horizontal="center"/>
    </xf>
    <xf numFmtId="0" fontId="4" fillId="0" borderId="0" xfId="4" applyFont="1" applyFill="1" applyBorder="1" applyAlignment="1">
      <alignment horizontal="distributed"/>
    </xf>
    <xf numFmtId="0" fontId="5" fillId="0" borderId="10" xfId="4" applyFont="1" applyFill="1" applyBorder="1" applyAlignment="1">
      <alignment horizontal="distributed"/>
    </xf>
    <xf numFmtId="0" fontId="4" fillId="0" borderId="0" xfId="4" quotePrefix="1" applyFont="1" applyFill="1" applyBorder="1" applyAlignment="1">
      <alignment horizontal="distributed"/>
    </xf>
    <xf numFmtId="0" fontId="4" fillId="0" borderId="10" xfId="4" quotePrefix="1" applyFont="1" applyFill="1" applyBorder="1" applyAlignment="1">
      <alignment horizontal="distributed"/>
    </xf>
    <xf numFmtId="0" fontId="5" fillId="0" borderId="0" xfId="4" applyFont="1" applyFill="1" applyBorder="1" applyAlignment="1">
      <alignment horizontal="left"/>
    </xf>
    <xf numFmtId="0" fontId="5" fillId="0" borderId="10" xfId="4" applyFont="1" applyFill="1" applyBorder="1" applyAlignment="1">
      <alignment horizontal="left"/>
    </xf>
    <xf numFmtId="0" fontId="44" fillId="0" borderId="0" xfId="0" applyFont="1" applyFill="1" applyBorder="1" applyAlignment="1">
      <alignment horizontal="distributed"/>
    </xf>
    <xf numFmtId="0" fontId="45" fillId="0" borderId="10" xfId="0" applyFont="1" applyFill="1" applyBorder="1" applyAlignment="1">
      <alignment horizontal="distributed"/>
    </xf>
    <xf numFmtId="0" fontId="3" fillId="0" borderId="2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44" fillId="0" borderId="0" xfId="0" quotePrefix="1" applyFont="1" applyFill="1" applyBorder="1" applyAlignment="1">
      <alignment horizontal="distributed"/>
    </xf>
    <xf numFmtId="0" fontId="44" fillId="0" borderId="10" xfId="0" quotePrefix="1" applyFont="1" applyFill="1" applyBorder="1" applyAlignment="1">
      <alignment horizontal="distributed"/>
    </xf>
    <xf numFmtId="0" fontId="45" fillId="0" borderId="0" xfId="0" applyFont="1" applyFill="1" applyBorder="1" applyAlignment="1">
      <alignment horizontal="left"/>
    </xf>
    <xf numFmtId="0" fontId="45" fillId="0" borderId="10" xfId="0" applyFont="1" applyFill="1" applyBorder="1" applyAlignment="1">
      <alignment horizontal="left"/>
    </xf>
    <xf numFmtId="0" fontId="9" fillId="0" borderId="1" xfId="3" applyFont="1" applyFill="1" applyBorder="1" applyAlignment="1">
      <alignment horizontal="center" vertical="center"/>
    </xf>
    <xf numFmtId="0" fontId="9" fillId="0" borderId="2" xfId="3" applyFont="1" applyFill="1" applyBorder="1" applyAlignment="1">
      <alignment horizontal="center" vertical="center"/>
    </xf>
    <xf numFmtId="0" fontId="9" fillId="0" borderId="4" xfId="3" applyFont="1" applyFill="1" applyBorder="1" applyAlignment="1">
      <alignment horizontal="center" vertical="center"/>
    </xf>
    <xf numFmtId="0" fontId="9" fillId="0" borderId="5" xfId="3" applyFont="1" applyFill="1" applyBorder="1" applyAlignment="1">
      <alignment horizontal="center" vertical="center"/>
    </xf>
    <xf numFmtId="0" fontId="9" fillId="0" borderId="7" xfId="3" applyFont="1" applyFill="1" applyBorder="1" applyAlignment="1">
      <alignment horizontal="center" vertical="center"/>
    </xf>
  </cellXfs>
  <cellStyles count="9">
    <cellStyle name="桁区切り" xfId="1" builtinId="6"/>
    <cellStyle name="桁区切り 2" xfId="5"/>
    <cellStyle name="標準" xfId="0" builtinId="0"/>
    <cellStyle name="標準 2" xfId="2"/>
    <cellStyle name="標準 3" xfId="4"/>
    <cellStyle name="標準 3 2" xfId="6"/>
    <cellStyle name="標準 4" xfId="3"/>
    <cellStyle name="標準 4 2" xfId="7"/>
    <cellStyle name="標準_Book1" xfId="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46</xdr:row>
      <xdr:rowOff>104775</xdr:rowOff>
    </xdr:from>
    <xdr:to>
      <xdr:col>6</xdr:col>
      <xdr:colOff>843114</xdr:colOff>
      <xdr:row>58</xdr:row>
      <xdr:rowOff>95863</xdr:rowOff>
    </xdr:to>
    <xdr:grpSp>
      <xdr:nvGrpSpPr>
        <xdr:cNvPr id="2" name="グループ化 1"/>
        <xdr:cNvGrpSpPr/>
      </xdr:nvGrpSpPr>
      <xdr:grpSpPr>
        <a:xfrm>
          <a:off x="0" y="7496175"/>
          <a:ext cx="4291164" cy="1781788"/>
          <a:chOff x="0" y="7841658"/>
          <a:chExt cx="4291164" cy="1781788"/>
        </a:xfrm>
      </xdr:grpSpPr>
      <xdr:grpSp>
        <xdr:nvGrpSpPr>
          <xdr:cNvPr id="3" name="グループ化 2"/>
          <xdr:cNvGrpSpPr/>
        </xdr:nvGrpSpPr>
        <xdr:grpSpPr>
          <a:xfrm>
            <a:off x="367691" y="7841658"/>
            <a:ext cx="3923473" cy="1781788"/>
            <a:chOff x="403912" y="7858928"/>
            <a:chExt cx="3921934" cy="1740015"/>
          </a:xfrm>
        </xdr:grpSpPr>
        <xdr:grpSp>
          <xdr:nvGrpSpPr>
            <xdr:cNvPr id="5" name="グループ化 4"/>
            <xdr:cNvGrpSpPr/>
          </xdr:nvGrpSpPr>
          <xdr:grpSpPr>
            <a:xfrm>
              <a:off x="406194" y="8678293"/>
              <a:ext cx="3917472" cy="498326"/>
              <a:chOff x="5890821" y="7858151"/>
              <a:chExt cx="3919929" cy="544350"/>
            </a:xfrm>
          </xdr:grpSpPr>
          <xdr:sp macro="" textlink="">
            <xdr:nvSpPr>
              <xdr:cNvPr id="21" name="テキスト ボックス 20"/>
              <xdr:cNvSpPr txBox="1"/>
            </xdr:nvSpPr>
            <xdr:spPr>
              <a:xfrm>
                <a:off x="7286625" y="7858151"/>
                <a:ext cx="2076451" cy="544350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＋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22" name="直線コネクタ 21"/>
              <xdr:cNvCxnSpPr/>
            </xdr:nvCxnSpPr>
            <xdr:spPr>
              <a:xfrm>
                <a:off x="7524750" y="808901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23" name="テキスト ボックス 22"/>
              <xdr:cNvSpPr txBox="1"/>
            </xdr:nvSpPr>
            <xdr:spPr>
              <a:xfrm>
                <a:off x="9220201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24" name="テキスト ボックス 23"/>
              <xdr:cNvSpPr txBox="1"/>
            </xdr:nvSpPr>
            <xdr:spPr>
              <a:xfrm>
                <a:off x="5890821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３　　従属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6" name="グループ化 5"/>
            <xdr:cNvGrpSpPr/>
          </xdr:nvGrpSpPr>
          <xdr:grpSpPr>
            <a:xfrm>
              <a:off x="406198" y="7858928"/>
              <a:ext cx="3917472" cy="551476"/>
              <a:chOff x="5890822" y="7863494"/>
              <a:chExt cx="3919928" cy="577618"/>
            </a:xfrm>
          </xdr:grpSpPr>
          <xdr:sp macro="" textlink="">
            <xdr:nvSpPr>
              <xdr:cNvPr id="17" name="テキスト ボックス 16"/>
              <xdr:cNvSpPr txBox="1"/>
            </xdr:nvSpPr>
            <xdr:spPr>
              <a:xfrm>
                <a:off x="7286625" y="7863494"/>
                <a:ext cx="2076451" cy="577618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18" name="直線コネクタ 17"/>
              <xdr:cNvCxnSpPr/>
            </xdr:nvCxnSpPr>
            <xdr:spPr>
              <a:xfrm>
                <a:off x="7524750" y="809584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19" name="テキスト ボックス 18"/>
              <xdr:cNvSpPr txBox="1"/>
            </xdr:nvSpPr>
            <xdr:spPr>
              <a:xfrm>
                <a:off x="9220201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20" name="テキスト ボックス 19"/>
              <xdr:cNvSpPr txBox="1"/>
            </xdr:nvSpPr>
            <xdr:spPr>
              <a:xfrm>
                <a:off x="5890822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１　　年少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7" name="グループ化 6"/>
            <xdr:cNvGrpSpPr/>
          </xdr:nvGrpSpPr>
          <xdr:grpSpPr>
            <a:xfrm>
              <a:off x="405932" y="8272549"/>
              <a:ext cx="3912549" cy="538381"/>
              <a:chOff x="5895231" y="7872477"/>
              <a:chExt cx="3919846" cy="580813"/>
            </a:xfrm>
          </xdr:grpSpPr>
          <xdr:sp macro="" textlink="">
            <xdr:nvSpPr>
              <xdr:cNvPr id="13" name="テキスト ボックス 12"/>
              <xdr:cNvSpPr txBox="1"/>
            </xdr:nvSpPr>
            <xdr:spPr>
              <a:xfrm>
                <a:off x="7286625" y="7872477"/>
                <a:ext cx="2076451" cy="580813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14" name="直線コネクタ 13"/>
              <xdr:cNvCxnSpPr/>
            </xdr:nvCxnSpPr>
            <xdr:spPr>
              <a:xfrm>
                <a:off x="7524750" y="8100374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15" name="テキスト ボックス 14"/>
              <xdr:cNvSpPr txBox="1"/>
            </xdr:nvSpPr>
            <xdr:spPr>
              <a:xfrm>
                <a:off x="9224528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16" name="テキスト ボックス 15"/>
              <xdr:cNvSpPr txBox="1"/>
            </xdr:nvSpPr>
            <xdr:spPr>
              <a:xfrm>
                <a:off x="5895231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２　　老年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8" name="グループ化 7"/>
            <xdr:cNvGrpSpPr/>
          </xdr:nvGrpSpPr>
          <xdr:grpSpPr>
            <a:xfrm>
              <a:off x="403912" y="9093705"/>
              <a:ext cx="3921934" cy="505238"/>
              <a:chOff x="5962245" y="7860963"/>
              <a:chExt cx="3924204" cy="564998"/>
            </a:xfrm>
          </xdr:grpSpPr>
          <xdr:sp macro="" textlink="">
            <xdr:nvSpPr>
              <xdr:cNvPr id="9" name="テキスト ボックス 8"/>
              <xdr:cNvSpPr txBox="1"/>
            </xdr:nvSpPr>
            <xdr:spPr>
              <a:xfrm>
                <a:off x="7376660" y="7860963"/>
                <a:ext cx="2076451" cy="564998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</a:t>
                </a:r>
              </a:p>
            </xdr:txBody>
          </xdr:sp>
          <xdr:cxnSp macro="">
            <xdr:nvCxnSpPr>
              <xdr:cNvPr id="10" name="直線コネクタ 9"/>
              <xdr:cNvCxnSpPr/>
            </xdr:nvCxnSpPr>
            <xdr:spPr>
              <a:xfrm>
                <a:off x="7605458" y="809419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11" name="テキスト ボックス 10"/>
              <xdr:cNvSpPr txBox="1"/>
            </xdr:nvSpPr>
            <xdr:spPr>
              <a:xfrm>
                <a:off x="9295900" y="794669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12" name="テキスト ボックス 11"/>
              <xdr:cNvSpPr txBox="1"/>
            </xdr:nvSpPr>
            <xdr:spPr>
              <a:xfrm>
                <a:off x="5962245" y="7947137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４　　老年化指数</a:t>
                </a:r>
                <a:r>
                  <a:rPr kumimoji="1" lang="ja-JP" altLang="en-US" sz="1000" baseline="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     </a:t>
                </a:r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</xdr:grpSp>
      <xdr:sp macro="" textlink="">
        <xdr:nvSpPr>
          <xdr:cNvPr id="4" name="テキスト ボックス 3"/>
          <xdr:cNvSpPr txBox="1"/>
        </xdr:nvSpPr>
        <xdr:spPr>
          <a:xfrm>
            <a:off x="0" y="7927093"/>
            <a:ext cx="522840" cy="260902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algn="l"/>
            <a:r>
              <a:rPr kumimoji="1" lang="ja-JP" altLang="en-US" sz="1000">
                <a:latin typeface="ＭＳ Ｐ明朝" panose="02020600040205080304" pitchFamily="18" charset="-128"/>
                <a:ea typeface="ＭＳ Ｐ明朝" panose="02020600040205080304" pitchFamily="18" charset="-128"/>
              </a:rPr>
              <a:t>（注）</a:t>
            </a:r>
          </a:p>
        </xdr:txBody>
      </xdr:sp>
    </xdr:grp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6</xdr:colOff>
      <xdr:row>25</xdr:row>
      <xdr:rowOff>11907</xdr:rowOff>
    </xdr:from>
    <xdr:to>
      <xdr:col>10</xdr:col>
      <xdr:colOff>761999</xdr:colOff>
      <xdr:row>30</xdr:row>
      <xdr:rowOff>250031</xdr:rowOff>
    </xdr:to>
    <xdr:sp macro="" textlink="">
      <xdr:nvSpPr>
        <xdr:cNvPr id="2" name="正方形/長方形 1"/>
        <xdr:cNvSpPr/>
      </xdr:nvSpPr>
      <xdr:spPr>
        <a:xfrm>
          <a:off x="3726656" y="6517482"/>
          <a:ext cx="4560093" cy="1523999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9525</xdr:colOff>
      <xdr:row>42</xdr:row>
      <xdr:rowOff>9525</xdr:rowOff>
    </xdr:from>
    <xdr:to>
      <xdr:col>10</xdr:col>
      <xdr:colOff>0</xdr:colOff>
      <xdr:row>48</xdr:row>
      <xdr:rowOff>0</xdr:rowOff>
    </xdr:to>
    <xdr:sp macro="" textlink="">
      <xdr:nvSpPr>
        <xdr:cNvPr id="2" name="正方形/長方形 1"/>
        <xdr:cNvSpPr/>
      </xdr:nvSpPr>
      <xdr:spPr>
        <a:xfrm>
          <a:off x="3133725" y="8077200"/>
          <a:ext cx="3800475" cy="1019175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05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05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5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05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5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0583</xdr:colOff>
      <xdr:row>23</xdr:row>
      <xdr:rowOff>169333</xdr:rowOff>
    </xdr:from>
    <xdr:to>
      <xdr:col>9</xdr:col>
      <xdr:colOff>0</xdr:colOff>
      <xdr:row>30</xdr:row>
      <xdr:rowOff>3174</xdr:rowOff>
    </xdr:to>
    <xdr:sp macro="" textlink="">
      <xdr:nvSpPr>
        <xdr:cNvPr id="2" name="正方形/長方形 1"/>
        <xdr:cNvSpPr/>
      </xdr:nvSpPr>
      <xdr:spPr>
        <a:xfrm>
          <a:off x="3591983" y="4322233"/>
          <a:ext cx="3418417" cy="1033991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0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0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7</xdr:colOff>
      <xdr:row>25</xdr:row>
      <xdr:rowOff>11907</xdr:rowOff>
    </xdr:from>
    <xdr:to>
      <xdr:col>11</xdr:col>
      <xdr:colOff>0</xdr:colOff>
      <xdr:row>30</xdr:row>
      <xdr:rowOff>250031</xdr:rowOff>
    </xdr:to>
    <xdr:sp macro="" textlink="">
      <xdr:nvSpPr>
        <xdr:cNvPr id="2" name="正方形/長方形 1"/>
        <xdr:cNvSpPr/>
      </xdr:nvSpPr>
      <xdr:spPr>
        <a:xfrm>
          <a:off x="3726657" y="6507957"/>
          <a:ext cx="4560093" cy="1523999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6</xdr:colOff>
      <xdr:row>25</xdr:row>
      <xdr:rowOff>11905</xdr:rowOff>
    </xdr:from>
    <xdr:to>
      <xdr:col>10</xdr:col>
      <xdr:colOff>761999</xdr:colOff>
      <xdr:row>30</xdr:row>
      <xdr:rowOff>250030</xdr:rowOff>
    </xdr:to>
    <xdr:sp macro="" textlink="">
      <xdr:nvSpPr>
        <xdr:cNvPr id="2" name="正方形/長方形 1"/>
        <xdr:cNvSpPr/>
      </xdr:nvSpPr>
      <xdr:spPr>
        <a:xfrm>
          <a:off x="3726656" y="6369843"/>
          <a:ext cx="4560093" cy="1547812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7</xdr:colOff>
      <xdr:row>25</xdr:row>
      <xdr:rowOff>11906</xdr:rowOff>
    </xdr:from>
    <xdr:to>
      <xdr:col>11</xdr:col>
      <xdr:colOff>0</xdr:colOff>
      <xdr:row>30</xdr:row>
      <xdr:rowOff>250030</xdr:rowOff>
    </xdr:to>
    <xdr:sp macro="" textlink="">
      <xdr:nvSpPr>
        <xdr:cNvPr id="2" name="正方形/長方形 1"/>
        <xdr:cNvSpPr/>
      </xdr:nvSpPr>
      <xdr:spPr>
        <a:xfrm>
          <a:off x="3726657" y="6517481"/>
          <a:ext cx="4560093" cy="1523999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6</xdr:colOff>
      <xdr:row>25</xdr:row>
      <xdr:rowOff>11906</xdr:rowOff>
    </xdr:from>
    <xdr:to>
      <xdr:col>10</xdr:col>
      <xdr:colOff>761999</xdr:colOff>
      <xdr:row>30</xdr:row>
      <xdr:rowOff>250031</xdr:rowOff>
    </xdr:to>
    <xdr:sp macro="" textlink="">
      <xdr:nvSpPr>
        <xdr:cNvPr id="2" name="正方形/長方形 1"/>
        <xdr:cNvSpPr/>
      </xdr:nvSpPr>
      <xdr:spPr>
        <a:xfrm>
          <a:off x="3726656" y="6369844"/>
          <a:ext cx="4560093" cy="1547812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6</xdr:colOff>
      <xdr:row>25</xdr:row>
      <xdr:rowOff>11905</xdr:rowOff>
    </xdr:from>
    <xdr:to>
      <xdr:col>10</xdr:col>
      <xdr:colOff>761999</xdr:colOff>
      <xdr:row>30</xdr:row>
      <xdr:rowOff>250030</xdr:rowOff>
    </xdr:to>
    <xdr:sp macro="" textlink="">
      <xdr:nvSpPr>
        <xdr:cNvPr id="2" name="正方形/長方形 1"/>
        <xdr:cNvSpPr/>
      </xdr:nvSpPr>
      <xdr:spPr>
        <a:xfrm>
          <a:off x="3726656" y="6369843"/>
          <a:ext cx="4560093" cy="1547812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1906</xdr:colOff>
      <xdr:row>25</xdr:row>
      <xdr:rowOff>11906</xdr:rowOff>
    </xdr:from>
    <xdr:to>
      <xdr:col>10</xdr:col>
      <xdr:colOff>761999</xdr:colOff>
      <xdr:row>30</xdr:row>
      <xdr:rowOff>250031</xdr:rowOff>
    </xdr:to>
    <xdr:sp macro="" textlink="">
      <xdr:nvSpPr>
        <xdr:cNvPr id="2" name="正方形/長方形 1"/>
        <xdr:cNvSpPr/>
      </xdr:nvSpPr>
      <xdr:spPr>
        <a:xfrm>
          <a:off x="3726656" y="6369844"/>
          <a:ext cx="4560093" cy="1547812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3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3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58"/>
  <sheetViews>
    <sheetView tabSelected="1" zoomScaleNormal="100" zoomScaleSheetLayoutView="115" workbookViewId="0"/>
  </sheetViews>
  <sheetFormatPr defaultRowHeight="12"/>
  <cols>
    <col min="1" max="1" width="4.625" style="1" customWidth="1"/>
    <col min="2" max="2" width="3.25" style="1" customWidth="1"/>
    <col min="3" max="3" width="5" style="1" customWidth="1"/>
    <col min="4" max="4" width="6.125" style="1" customWidth="1"/>
    <col min="5" max="8" width="13.125" style="1" customWidth="1"/>
    <col min="9" max="9" width="10.375" style="1" bestFit="1" customWidth="1"/>
    <col min="10" max="16384" width="9" style="1"/>
  </cols>
  <sheetData>
    <row r="1" spans="1:9" s="3" customFormat="1" ht="15" customHeight="1" thickBot="1">
      <c r="A1" s="2" t="s">
        <v>0</v>
      </c>
    </row>
    <row r="2" spans="1:9" ht="13.5" customHeight="1" thickTop="1">
      <c r="A2" s="1031" t="s">
        <v>1</v>
      </c>
      <c r="B2" s="1031"/>
      <c r="C2" s="1031"/>
      <c r="D2" s="1032"/>
      <c r="E2" s="1012" t="s">
        <v>2</v>
      </c>
      <c r="F2" s="4" t="s">
        <v>3</v>
      </c>
      <c r="G2" s="5" t="s">
        <v>4</v>
      </c>
      <c r="H2" s="4" t="s">
        <v>5</v>
      </c>
    </row>
    <row r="3" spans="1:9" ht="13.5" customHeight="1">
      <c r="A3" s="1014" t="s">
        <v>6</v>
      </c>
      <c r="B3" s="1014"/>
      <c r="C3" s="1014"/>
      <c r="D3" s="1015"/>
      <c r="E3" s="1013"/>
      <c r="F3" s="6" t="s">
        <v>7</v>
      </c>
      <c r="G3" s="7" t="s">
        <v>8</v>
      </c>
      <c r="H3" s="6" t="s">
        <v>9</v>
      </c>
    </row>
    <row r="4" spans="1:9">
      <c r="A4" s="1016" t="s">
        <v>10</v>
      </c>
      <c r="B4" s="1019" t="s">
        <v>11</v>
      </c>
      <c r="C4" s="8"/>
      <c r="D4" s="9"/>
      <c r="E4" s="10" t="s">
        <v>12</v>
      </c>
      <c r="F4" s="11" t="s">
        <v>12</v>
      </c>
      <c r="G4" s="10" t="s">
        <v>12</v>
      </c>
      <c r="H4" s="11" t="s">
        <v>12</v>
      </c>
    </row>
    <row r="5" spans="1:9">
      <c r="A5" s="1017"/>
      <c r="B5" s="1020"/>
      <c r="C5" s="12" t="s">
        <v>13</v>
      </c>
      <c r="D5" s="13" t="s">
        <v>14</v>
      </c>
      <c r="E5" s="14">
        <v>9231177</v>
      </c>
      <c r="F5" s="15">
        <v>1065999</v>
      </c>
      <c r="G5" s="14">
        <v>5627097</v>
      </c>
      <c r="H5" s="15">
        <v>2324007</v>
      </c>
      <c r="I5" s="16"/>
    </row>
    <row r="6" spans="1:9">
      <c r="A6" s="1017"/>
      <c r="B6" s="1020"/>
      <c r="C6" s="12"/>
      <c r="D6" s="13" t="s">
        <v>15</v>
      </c>
      <c r="E6" s="14">
        <v>9236337</v>
      </c>
      <c r="F6" s="15">
        <v>1082584</v>
      </c>
      <c r="G6" s="14">
        <v>5627503</v>
      </c>
      <c r="H6" s="15">
        <v>2312173</v>
      </c>
      <c r="I6" s="16"/>
    </row>
    <row r="7" spans="1:9">
      <c r="A7" s="1017"/>
      <c r="B7" s="1020"/>
      <c r="C7" s="12"/>
      <c r="D7" s="13" t="s">
        <v>16</v>
      </c>
      <c r="E7" s="14">
        <v>9201825</v>
      </c>
      <c r="F7" s="15">
        <v>1094402</v>
      </c>
      <c r="G7" s="14">
        <v>5712800</v>
      </c>
      <c r="H7" s="15">
        <v>2311697</v>
      </c>
      <c r="I7" s="16"/>
    </row>
    <row r="8" spans="1:9">
      <c r="A8" s="1017"/>
      <c r="B8" s="1020"/>
      <c r="C8" s="12" t="s">
        <v>17</v>
      </c>
      <c r="D8" s="13" t="s">
        <v>18</v>
      </c>
      <c r="E8" s="14">
        <v>9181625</v>
      </c>
      <c r="F8" s="15">
        <v>1106141</v>
      </c>
      <c r="G8" s="14">
        <v>5704254</v>
      </c>
      <c r="H8" s="15">
        <v>2288304</v>
      </c>
      <c r="I8" s="16"/>
    </row>
    <row r="9" spans="1:9">
      <c r="A9" s="1017"/>
      <c r="B9" s="1021"/>
      <c r="C9" s="17"/>
      <c r="D9" s="13" t="s">
        <v>19</v>
      </c>
      <c r="E9" s="14">
        <v>9163279</v>
      </c>
      <c r="F9" s="15">
        <v>1117039</v>
      </c>
      <c r="G9" s="14">
        <v>5703570</v>
      </c>
      <c r="H9" s="15">
        <v>2259744</v>
      </c>
      <c r="I9" s="16"/>
    </row>
    <row r="10" spans="1:9">
      <c r="A10" s="1017"/>
      <c r="B10" s="1019" t="s">
        <v>20</v>
      </c>
      <c r="C10" s="8"/>
      <c r="D10" s="18"/>
      <c r="E10" s="19"/>
      <c r="F10" s="20" t="s">
        <v>21</v>
      </c>
      <c r="G10" s="21" t="s">
        <v>22</v>
      </c>
      <c r="H10" s="20" t="s">
        <v>22</v>
      </c>
    </row>
    <row r="11" spans="1:9">
      <c r="A11" s="1017"/>
      <c r="B11" s="1020"/>
      <c r="C11" s="12" t="s">
        <v>13</v>
      </c>
      <c r="D11" s="13" t="s">
        <v>14</v>
      </c>
      <c r="E11" s="22" t="s">
        <v>23</v>
      </c>
      <c r="F11" s="33">
        <v>11.821967654134593</v>
      </c>
      <c r="G11" s="33">
        <v>62.404710248956896</v>
      </c>
      <c r="H11" s="32">
        <v>25.773322096908508</v>
      </c>
    </row>
    <row r="12" spans="1:9">
      <c r="A12" s="1017"/>
      <c r="B12" s="1020"/>
      <c r="C12" s="12"/>
      <c r="D12" s="13" t="s">
        <v>15</v>
      </c>
      <c r="E12" s="22" t="s">
        <v>24</v>
      </c>
      <c r="F12" s="33">
        <v>11.99903350158386</v>
      </c>
      <c r="G12" s="33">
        <v>62.37354055414054</v>
      </c>
      <c r="H12" s="32">
        <v>25.627425944275601</v>
      </c>
      <c r="I12" s="23"/>
    </row>
    <row r="13" spans="1:9">
      <c r="A13" s="1017"/>
      <c r="B13" s="1020"/>
      <c r="C13" s="12"/>
      <c r="D13" s="13" t="s">
        <v>16</v>
      </c>
      <c r="E13" s="22" t="s">
        <v>24</v>
      </c>
      <c r="F13" s="33">
        <v>12.001470791594468</v>
      </c>
      <c r="G13" s="33">
        <v>62.64791396417484</v>
      </c>
      <c r="H13" s="32">
        <v>25.350615244230688</v>
      </c>
    </row>
    <row r="14" spans="1:9">
      <c r="A14" s="1017"/>
      <c r="B14" s="1020"/>
      <c r="C14" s="12" t="s">
        <v>17</v>
      </c>
      <c r="D14" s="13" t="s">
        <v>18</v>
      </c>
      <c r="E14" s="22" t="s">
        <v>24</v>
      </c>
      <c r="F14" s="33">
        <v>12.157133673726321</v>
      </c>
      <c r="G14" s="33">
        <v>62.693072932734673</v>
      </c>
      <c r="H14" s="32">
        <v>25.14979339353901</v>
      </c>
    </row>
    <row r="15" spans="1:9" ht="12.75" thickBot="1">
      <c r="A15" s="1018"/>
      <c r="B15" s="1022"/>
      <c r="C15" s="24"/>
      <c r="D15" s="13" t="s">
        <v>19</v>
      </c>
      <c r="E15" s="22" t="s">
        <v>24</v>
      </c>
      <c r="F15" s="387">
        <v>12.301713380526065</v>
      </c>
      <c r="G15" s="33">
        <v>62.812205648833256</v>
      </c>
      <c r="H15" s="32">
        <v>24.886080970640677</v>
      </c>
    </row>
    <row r="16" spans="1:9" ht="12.75" thickTop="1">
      <c r="A16" s="1023" t="s">
        <v>25</v>
      </c>
      <c r="B16" s="1024" t="s">
        <v>26</v>
      </c>
      <c r="C16" s="25"/>
      <c r="D16" s="26"/>
      <c r="E16" s="27" t="s">
        <v>27</v>
      </c>
      <c r="F16" s="27" t="s">
        <v>27</v>
      </c>
      <c r="G16" s="27" t="s">
        <v>27</v>
      </c>
      <c r="H16" s="28" t="s">
        <v>27</v>
      </c>
    </row>
    <row r="17" spans="1:9">
      <c r="A17" s="1017"/>
      <c r="B17" s="1025"/>
      <c r="C17" s="12" t="s">
        <v>13</v>
      </c>
      <c r="D17" s="13" t="s">
        <v>14</v>
      </c>
      <c r="E17" s="14">
        <v>125309</v>
      </c>
      <c r="F17" s="15">
        <v>14718</v>
      </c>
      <c r="G17" s="14">
        <v>74375</v>
      </c>
      <c r="H17" s="15">
        <v>36215</v>
      </c>
    </row>
    <row r="18" spans="1:9">
      <c r="A18" s="1017"/>
      <c r="B18" s="1025"/>
      <c r="C18" s="12"/>
      <c r="D18" s="13" t="s">
        <v>15</v>
      </c>
      <c r="E18" s="14">
        <v>126068</v>
      </c>
      <c r="F18" s="29">
        <v>14983</v>
      </c>
      <c r="G18" s="14">
        <v>75033</v>
      </c>
      <c r="H18" s="15">
        <v>36051</v>
      </c>
      <c r="I18" s="30"/>
    </row>
    <row r="19" spans="1:9">
      <c r="A19" s="1017"/>
      <c r="B19" s="1025"/>
      <c r="C19" s="12"/>
      <c r="D19" s="13" t="s">
        <v>16</v>
      </c>
      <c r="E19" s="14">
        <v>125988</v>
      </c>
      <c r="F19" s="15">
        <v>15160</v>
      </c>
      <c r="G19" s="14">
        <v>74900</v>
      </c>
      <c r="H19" s="15">
        <v>35928</v>
      </c>
    </row>
    <row r="20" spans="1:9">
      <c r="A20" s="1017"/>
      <c r="B20" s="1025"/>
      <c r="C20" s="12" t="s">
        <v>17</v>
      </c>
      <c r="D20" s="13" t="s">
        <v>18</v>
      </c>
      <c r="E20" s="14">
        <v>126317</v>
      </c>
      <c r="F20" s="15">
        <v>15376</v>
      </c>
      <c r="G20" s="14">
        <v>75317</v>
      </c>
      <c r="H20" s="15">
        <v>35624</v>
      </c>
    </row>
    <row r="21" spans="1:9">
      <c r="A21" s="1017"/>
      <c r="B21" s="1026"/>
      <c r="C21" s="17"/>
      <c r="D21" s="13" t="s">
        <v>19</v>
      </c>
      <c r="E21" s="14">
        <v>126592</v>
      </c>
      <c r="F21" s="15">
        <v>15557</v>
      </c>
      <c r="G21" s="14">
        <v>75807</v>
      </c>
      <c r="H21" s="15">
        <v>35228</v>
      </c>
    </row>
    <row r="22" spans="1:9">
      <c r="A22" s="1017"/>
      <c r="B22" s="1027" t="s">
        <v>28</v>
      </c>
      <c r="C22" s="31"/>
      <c r="D22" s="18"/>
      <c r="E22" s="19"/>
      <c r="F22" s="20" t="s">
        <v>29</v>
      </c>
      <c r="G22" s="21" t="s">
        <v>22</v>
      </c>
      <c r="H22" s="20" t="s">
        <v>29</v>
      </c>
    </row>
    <row r="23" spans="1:9" ht="13.5" customHeight="1">
      <c r="A23" s="1017"/>
      <c r="B23" s="1025"/>
      <c r="C23" s="12" t="s">
        <v>13</v>
      </c>
      <c r="D23" s="13" t="s">
        <v>14</v>
      </c>
      <c r="E23" s="22" t="s">
        <v>30</v>
      </c>
      <c r="F23" s="32">
        <v>11.7</v>
      </c>
      <c r="G23" s="33">
        <v>59.4</v>
      </c>
      <c r="H23" s="34">
        <v>28.9</v>
      </c>
    </row>
    <row r="24" spans="1:9" ht="13.5" customHeight="1">
      <c r="A24" s="1017"/>
      <c r="B24" s="1025"/>
      <c r="C24" s="12"/>
      <c r="D24" s="13" t="s">
        <v>15</v>
      </c>
      <c r="E24" s="22" t="s">
        <v>24</v>
      </c>
      <c r="F24" s="32">
        <v>11.9</v>
      </c>
      <c r="G24" s="33">
        <v>59.5</v>
      </c>
      <c r="H24" s="34">
        <v>28.6</v>
      </c>
    </row>
    <row r="25" spans="1:9" ht="13.5" customHeight="1">
      <c r="A25" s="1017"/>
      <c r="B25" s="1025"/>
      <c r="C25" s="12"/>
      <c r="D25" s="13" t="s">
        <v>16</v>
      </c>
      <c r="E25" s="22" t="s">
        <v>24</v>
      </c>
      <c r="F25" s="32">
        <v>12</v>
      </c>
      <c r="G25" s="33">
        <v>59.4</v>
      </c>
      <c r="H25" s="34">
        <v>28.5</v>
      </c>
    </row>
    <row r="26" spans="1:9" ht="13.5" customHeight="1">
      <c r="A26" s="1017"/>
      <c r="B26" s="1025"/>
      <c r="C26" s="12" t="s">
        <v>31</v>
      </c>
      <c r="D26" s="13" t="s">
        <v>18</v>
      </c>
      <c r="E26" s="22" t="s">
        <v>24</v>
      </c>
      <c r="F26" s="32">
        <v>12.2</v>
      </c>
      <c r="G26" s="33">
        <v>59.6</v>
      </c>
      <c r="H26" s="34">
        <v>28.2</v>
      </c>
    </row>
    <row r="27" spans="1:9" ht="14.25" customHeight="1" thickBot="1">
      <c r="A27" s="1018"/>
      <c r="B27" s="1028"/>
      <c r="C27" s="17"/>
      <c r="D27" s="13" t="s">
        <v>19</v>
      </c>
      <c r="E27" s="22" t="s">
        <v>24</v>
      </c>
      <c r="F27" s="32">
        <v>12.3</v>
      </c>
      <c r="G27" s="33">
        <v>59.9</v>
      </c>
      <c r="H27" s="34">
        <v>27.8</v>
      </c>
    </row>
    <row r="28" spans="1:9" ht="9" customHeight="1" thickTop="1">
      <c r="A28" s="35"/>
      <c r="B28" s="36"/>
      <c r="C28" s="36"/>
      <c r="D28" s="37"/>
      <c r="E28" s="38"/>
      <c r="F28" s="38"/>
      <c r="G28" s="38"/>
      <c r="H28" s="38"/>
    </row>
    <row r="29" spans="1:9" s="41" customFormat="1" ht="14.25" customHeight="1">
      <c r="A29" s="39" t="s">
        <v>32</v>
      </c>
      <c r="B29" s="40"/>
      <c r="C29" s="40"/>
      <c r="D29" s="40"/>
      <c r="E29" s="40"/>
      <c r="F29" s="40"/>
      <c r="G29" s="40"/>
      <c r="H29" s="40"/>
    </row>
    <row r="30" spans="1:9" s="41" customFormat="1" ht="14.25" customHeight="1">
      <c r="A30" s="39" t="s">
        <v>33</v>
      </c>
      <c r="B30" s="42"/>
      <c r="C30" s="42"/>
      <c r="D30" s="42"/>
      <c r="E30" s="42"/>
      <c r="F30" s="42"/>
      <c r="G30" s="42"/>
      <c r="H30" s="42"/>
    </row>
    <row r="31" spans="1:9" s="41" customFormat="1" ht="14.25" customHeight="1">
      <c r="A31" s="43" t="s">
        <v>34</v>
      </c>
      <c r="B31" s="42"/>
      <c r="C31" s="42"/>
      <c r="D31" s="42"/>
      <c r="E31" s="42"/>
      <c r="F31" s="42"/>
      <c r="G31" s="42"/>
      <c r="H31" s="42"/>
    </row>
    <row r="32" spans="1:9" s="41" customFormat="1" ht="14.25" customHeight="1">
      <c r="A32" s="44"/>
      <c r="B32" s="45" t="s">
        <v>35</v>
      </c>
      <c r="C32" s="42"/>
      <c r="D32" s="42"/>
      <c r="E32" s="42"/>
      <c r="F32" s="42"/>
      <c r="G32" s="42"/>
      <c r="H32" s="42"/>
    </row>
    <row r="33" spans="1:8" ht="7.5" customHeight="1"/>
    <row r="34" spans="1:8">
      <c r="B34" s="46"/>
      <c r="C34" s="46"/>
      <c r="D34" s="46"/>
      <c r="E34" s="46"/>
      <c r="F34" s="46"/>
      <c r="G34" s="46"/>
      <c r="H34" s="46"/>
    </row>
    <row r="35" spans="1:8" s="3" customFormat="1" ht="14.25" thickBot="1">
      <c r="A35" s="2" t="s">
        <v>36</v>
      </c>
    </row>
    <row r="36" spans="1:8" ht="15" customHeight="1" thickTop="1">
      <c r="A36" s="1029" t="s">
        <v>37</v>
      </c>
      <c r="B36" s="1029"/>
      <c r="C36" s="1029"/>
      <c r="D36" s="1030"/>
      <c r="E36" s="5" t="s">
        <v>38</v>
      </c>
      <c r="F36" s="4" t="s">
        <v>39</v>
      </c>
      <c r="G36" s="5" t="s">
        <v>40</v>
      </c>
      <c r="H36" s="47" t="s">
        <v>41</v>
      </c>
    </row>
    <row r="37" spans="1:8" ht="12.75" customHeight="1">
      <c r="A37" s="1033" t="s">
        <v>42</v>
      </c>
      <c r="B37" s="1034"/>
      <c r="C37" s="12" t="s">
        <v>13</v>
      </c>
      <c r="D37" s="13" t="s">
        <v>14</v>
      </c>
      <c r="E37" s="388">
        <v>18.944030998577063</v>
      </c>
      <c r="F37" s="388">
        <v>41.300283254402757</v>
      </c>
      <c r="G37" s="388">
        <v>60.244314252979827</v>
      </c>
      <c r="H37" s="389">
        <v>218.01211821024222</v>
      </c>
    </row>
    <row r="38" spans="1:8" ht="12.75" customHeight="1">
      <c r="A38" s="1035"/>
      <c r="B38" s="1036"/>
      <c r="C38" s="12"/>
      <c r="D38" s="13" t="s">
        <v>15</v>
      </c>
      <c r="E38" s="33">
        <v>19.237377572255404</v>
      </c>
      <c r="F38" s="33">
        <v>41.087014969161281</v>
      </c>
      <c r="G38" s="33">
        <v>60.324392541416685</v>
      </c>
      <c r="H38" s="32">
        <v>213.57908485623284</v>
      </c>
    </row>
    <row r="39" spans="1:8" ht="12.75" customHeight="1">
      <c r="A39" s="1035"/>
      <c r="B39" s="1036"/>
      <c r="C39" s="12"/>
      <c r="D39" s="13" t="s">
        <v>16</v>
      </c>
      <c r="E39" s="33">
        <v>19.157015824114271</v>
      </c>
      <c r="F39" s="33">
        <v>40.465218456798766</v>
      </c>
      <c r="G39" s="33">
        <v>59.622234280913034</v>
      </c>
      <c r="H39" s="32">
        <v>211.22923751966826</v>
      </c>
    </row>
    <row r="40" spans="1:8" ht="12.75" customHeight="1">
      <c r="A40" s="1035"/>
      <c r="B40" s="1036"/>
      <c r="C40" s="12" t="s">
        <v>31</v>
      </c>
      <c r="D40" s="13" t="s">
        <v>18</v>
      </c>
      <c r="E40" s="33">
        <v>19.391510265847209</v>
      </c>
      <c r="F40" s="33">
        <v>40.115745196479679</v>
      </c>
      <c r="G40" s="33">
        <v>59.507255462326889</v>
      </c>
      <c r="H40" s="32">
        <v>206.87272237445319</v>
      </c>
    </row>
    <row r="41" spans="1:8" ht="12.75" customHeight="1">
      <c r="A41" s="1037"/>
      <c r="B41" s="1038"/>
      <c r="C41" s="17"/>
      <c r="D41" s="13" t="s">
        <v>19</v>
      </c>
      <c r="E41" s="390">
        <v>19.584909100791258</v>
      </c>
      <c r="F41" s="33">
        <v>39.619817061945412</v>
      </c>
      <c r="G41" s="33">
        <v>59.204726162736677</v>
      </c>
      <c r="H41" s="32">
        <v>202.29768163868945</v>
      </c>
    </row>
    <row r="42" spans="1:8" ht="12.75" customHeight="1">
      <c r="A42" s="1033" t="s">
        <v>43</v>
      </c>
      <c r="B42" s="1034"/>
      <c r="C42" s="12" t="s">
        <v>13</v>
      </c>
      <c r="D42" s="48" t="s">
        <v>14</v>
      </c>
      <c r="E42" s="388">
        <v>19.788907563025209</v>
      </c>
      <c r="F42" s="388">
        <v>48.692436974789914</v>
      </c>
      <c r="G42" s="388">
        <v>68.481344537815119</v>
      </c>
      <c r="H42" s="391">
        <v>246.05924718032338</v>
      </c>
    </row>
    <row r="43" spans="1:8" ht="12.75" customHeight="1">
      <c r="A43" s="1035"/>
      <c r="B43" s="1036"/>
      <c r="C43" s="12"/>
      <c r="D43" s="49" t="s">
        <v>15</v>
      </c>
      <c r="E43" s="33">
        <v>19.968547172577399</v>
      </c>
      <c r="F43" s="33">
        <v>48.046859381871975</v>
      </c>
      <c r="G43" s="33">
        <v>68.01540655444937</v>
      </c>
      <c r="H43" s="32">
        <v>240.6126943869719</v>
      </c>
    </row>
    <row r="44" spans="1:8" ht="12.75" customHeight="1">
      <c r="A44" s="1035"/>
      <c r="B44" s="1036"/>
      <c r="C44" s="12"/>
      <c r="D44" s="49" t="s">
        <v>16</v>
      </c>
      <c r="E44" s="33">
        <v>20.240320427236316</v>
      </c>
      <c r="F44" s="33">
        <v>47.967957276368487</v>
      </c>
      <c r="G44" s="33">
        <v>68.208277703604807</v>
      </c>
      <c r="H44" s="32">
        <v>236.99208443271766</v>
      </c>
    </row>
    <row r="45" spans="1:8" ht="12.75" customHeight="1">
      <c r="A45" s="1035"/>
      <c r="B45" s="1036"/>
      <c r="C45" s="12" t="s">
        <v>44</v>
      </c>
      <c r="D45" s="49" t="s">
        <v>18</v>
      </c>
      <c r="E45" s="33">
        <v>20.415045740005578</v>
      </c>
      <c r="F45" s="33">
        <v>47.298750614071196</v>
      </c>
      <c r="G45" s="33">
        <v>67.713796354076777</v>
      </c>
      <c r="H45" s="32">
        <v>231.68574401664932</v>
      </c>
    </row>
    <row r="46" spans="1:8" ht="12.75" customHeight="1" thickBot="1">
      <c r="A46" s="1039"/>
      <c r="B46" s="1040"/>
      <c r="C46" s="8"/>
      <c r="D46" s="13" t="s">
        <v>19</v>
      </c>
      <c r="E46" s="387">
        <v>20.521851544052659</v>
      </c>
      <c r="F46" s="387">
        <v>46.470642552798552</v>
      </c>
      <c r="G46" s="387">
        <v>66.992494096851217</v>
      </c>
      <c r="H46" s="392">
        <v>226.44468727903839</v>
      </c>
    </row>
    <row r="47" spans="1:8" ht="12" customHeight="1" thickTop="1">
      <c r="C47" s="37"/>
      <c r="D47" s="37"/>
    </row>
    <row r="48" spans="1:8" ht="12.75" customHeight="1">
      <c r="A48" s="1041"/>
      <c r="B48" s="1041"/>
      <c r="C48" s="50"/>
      <c r="D48" s="1042"/>
      <c r="E48" s="1042"/>
      <c r="F48" s="1043"/>
      <c r="G48" s="1043"/>
      <c r="H48" s="1041"/>
    </row>
    <row r="49" spans="1:8" ht="12.75" customHeight="1">
      <c r="A49" s="1041"/>
      <c r="B49" s="1041"/>
      <c r="C49" s="50"/>
      <c r="D49" s="1042"/>
      <c r="E49" s="1042"/>
      <c r="F49" s="1043"/>
      <c r="G49" s="1043"/>
      <c r="H49" s="1041"/>
    </row>
    <row r="50" spans="1:8" ht="9" customHeight="1">
      <c r="A50" s="50"/>
      <c r="B50" s="50"/>
      <c r="C50" s="50"/>
      <c r="D50" s="51"/>
      <c r="E50" s="51"/>
      <c r="F50" s="52"/>
      <c r="G50" s="52"/>
      <c r="H50" s="50"/>
    </row>
    <row r="51" spans="1:8" ht="12.75" customHeight="1">
      <c r="A51" s="53"/>
      <c r="B51" s="1041"/>
      <c r="C51" s="50"/>
      <c r="D51" s="1042"/>
      <c r="E51" s="1042"/>
      <c r="F51" s="1043"/>
      <c r="G51" s="1043"/>
      <c r="H51" s="1041"/>
    </row>
    <row r="52" spans="1:8" ht="12.75" customHeight="1">
      <c r="A52" s="53"/>
      <c r="B52" s="1041"/>
      <c r="C52" s="50"/>
      <c r="D52" s="1042"/>
      <c r="E52" s="1042"/>
      <c r="F52" s="1043"/>
      <c r="G52" s="1043"/>
      <c r="H52" s="1041"/>
    </row>
    <row r="53" spans="1:8" ht="9" customHeight="1">
      <c r="A53" s="53"/>
      <c r="B53" s="50"/>
      <c r="C53" s="50"/>
      <c r="D53" s="51"/>
      <c r="E53" s="51"/>
      <c r="F53" s="52"/>
      <c r="G53" s="52"/>
      <c r="H53" s="50"/>
    </row>
    <row r="54" spans="1:8" ht="12.75" customHeight="1">
      <c r="A54" s="53"/>
      <c r="B54" s="1041"/>
      <c r="C54" s="50"/>
      <c r="D54" s="1042"/>
      <c r="E54" s="1042"/>
      <c r="F54" s="1043"/>
      <c r="G54" s="1043"/>
      <c r="H54" s="1041"/>
    </row>
    <row r="55" spans="1:8" ht="12.75" customHeight="1">
      <c r="A55" s="53"/>
      <c r="B55" s="1041"/>
      <c r="C55" s="50"/>
      <c r="D55" s="1042"/>
      <c r="E55" s="1042"/>
      <c r="F55" s="1043"/>
      <c r="G55" s="1043"/>
      <c r="H55" s="1041"/>
    </row>
    <row r="56" spans="1:8" ht="9" customHeight="1">
      <c r="A56" s="53"/>
      <c r="B56" s="50"/>
      <c r="C56" s="50"/>
      <c r="D56" s="51"/>
      <c r="E56" s="51"/>
      <c r="F56" s="52"/>
      <c r="G56" s="52"/>
      <c r="H56" s="50"/>
    </row>
    <row r="57" spans="1:8" ht="12.75" customHeight="1">
      <c r="A57" s="53"/>
      <c r="B57" s="1041"/>
      <c r="C57" s="50"/>
      <c r="D57" s="1042"/>
      <c r="E57" s="1042"/>
      <c r="F57" s="1043"/>
      <c r="G57" s="1043"/>
      <c r="H57" s="1041"/>
    </row>
    <row r="58" spans="1:8" ht="12.75" customHeight="1">
      <c r="A58" s="53"/>
      <c r="B58" s="1041"/>
      <c r="C58" s="50"/>
      <c r="D58" s="1042"/>
      <c r="E58" s="1042"/>
      <c r="F58" s="1043"/>
      <c r="G58" s="1043"/>
      <c r="H58" s="1041"/>
    </row>
  </sheetData>
  <mergeCells count="33">
    <mergeCell ref="B54:B55"/>
    <mergeCell ref="D54:E55"/>
    <mergeCell ref="F54:G54"/>
    <mergeCell ref="H54:H55"/>
    <mergeCell ref="F55:G55"/>
    <mergeCell ref="B57:B58"/>
    <mergeCell ref="D57:E58"/>
    <mergeCell ref="F57:G57"/>
    <mergeCell ref="H57:H58"/>
    <mergeCell ref="F58:G58"/>
    <mergeCell ref="H48:H49"/>
    <mergeCell ref="F49:G49"/>
    <mergeCell ref="B51:B52"/>
    <mergeCell ref="D51:E52"/>
    <mergeCell ref="F51:G51"/>
    <mergeCell ref="H51:H52"/>
    <mergeCell ref="F52:G52"/>
    <mergeCell ref="F48:G48"/>
    <mergeCell ref="A37:B41"/>
    <mergeCell ref="A42:B46"/>
    <mergeCell ref="A48:A49"/>
    <mergeCell ref="B48:B49"/>
    <mergeCell ref="D48:E49"/>
    <mergeCell ref="A16:A27"/>
    <mergeCell ref="B16:B21"/>
    <mergeCell ref="B22:B27"/>
    <mergeCell ref="A36:D36"/>
    <mergeCell ref="A2:D2"/>
    <mergeCell ref="E2:E3"/>
    <mergeCell ref="A3:D3"/>
    <mergeCell ref="A4:A15"/>
    <mergeCell ref="B4:B9"/>
    <mergeCell ref="B10:B15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firstPageNumber="7" orientation="portrait" blackAndWhite="1" r:id="rId1"/>
  <headerFooter scaleWithDoc="0" alignWithMargins="0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184"/>
  <sheetViews>
    <sheetView view="pageBreakPreview" zoomScale="90" zoomScaleNormal="100" zoomScaleSheetLayoutView="9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3" customWidth="1"/>
    <col min="2" max="9" width="10.875" style="187" customWidth="1"/>
    <col min="10" max="13" width="9" style="187" customWidth="1"/>
    <col min="14" max="17" width="7.75" style="131" customWidth="1"/>
    <col min="18" max="22" width="9" style="131" customWidth="1"/>
    <col min="23" max="23" width="3.875" style="131" customWidth="1"/>
    <col min="24" max="24" width="9" style="80"/>
    <col min="25" max="16384" width="9" style="153"/>
  </cols>
  <sheetData>
    <row r="1" spans="1:24" ht="15.95" customHeight="1" thickBot="1">
      <c r="A1" s="576" t="s">
        <v>952</v>
      </c>
      <c r="J1" s="576"/>
      <c r="M1" s="577"/>
      <c r="P1" s="563"/>
      <c r="Q1" s="563"/>
      <c r="R1" s="176"/>
      <c r="S1" s="176"/>
      <c r="T1" s="176"/>
      <c r="U1" s="294"/>
    </row>
    <row r="2" spans="1:24" s="580" customFormat="1" ht="16.5" customHeight="1" thickTop="1">
      <c r="A2" s="578"/>
      <c r="B2" s="1104" t="s">
        <v>317</v>
      </c>
      <c r="C2" s="1105"/>
      <c r="D2" s="1105"/>
      <c r="E2" s="1106"/>
      <c r="F2" s="1105" t="s">
        <v>318</v>
      </c>
      <c r="G2" s="1105"/>
      <c r="H2" s="1105"/>
      <c r="I2" s="1106"/>
      <c r="J2" s="1105" t="s">
        <v>319</v>
      </c>
      <c r="K2" s="1105"/>
      <c r="L2" s="1105"/>
      <c r="M2" s="1107"/>
      <c r="N2" s="1113" t="s">
        <v>320</v>
      </c>
      <c r="O2" s="1114"/>
      <c r="P2" s="1114"/>
      <c r="Q2" s="1115"/>
      <c r="R2" s="1116" t="s">
        <v>321</v>
      </c>
      <c r="S2" s="1116"/>
      <c r="T2" s="1117"/>
      <c r="U2" s="132" t="s">
        <v>322</v>
      </c>
      <c r="V2" s="133" t="s">
        <v>322</v>
      </c>
      <c r="W2" s="134"/>
      <c r="X2" s="579"/>
    </row>
    <row r="3" spans="1:24" s="588" customFormat="1" ht="16.5" customHeight="1">
      <c r="A3" s="188" t="s">
        <v>399</v>
      </c>
      <c r="B3" s="581" t="s">
        <v>324</v>
      </c>
      <c r="C3" s="581" t="s">
        <v>325</v>
      </c>
      <c r="D3" s="581" t="s">
        <v>400</v>
      </c>
      <c r="E3" s="855" t="s">
        <v>327</v>
      </c>
      <c r="F3" s="582" t="s">
        <v>191</v>
      </c>
      <c r="G3" s="581" t="s">
        <v>325</v>
      </c>
      <c r="H3" s="581" t="s">
        <v>326</v>
      </c>
      <c r="I3" s="998" t="s">
        <v>327</v>
      </c>
      <c r="J3" s="582" t="s">
        <v>324</v>
      </c>
      <c r="K3" s="581" t="s">
        <v>330</v>
      </c>
      <c r="L3" s="581" t="s">
        <v>326</v>
      </c>
      <c r="M3" s="581" t="s">
        <v>327</v>
      </c>
      <c r="N3" s="583" t="s">
        <v>401</v>
      </c>
      <c r="O3" s="584" t="s">
        <v>330</v>
      </c>
      <c r="P3" s="584" t="s">
        <v>326</v>
      </c>
      <c r="Q3" s="585" t="s">
        <v>327</v>
      </c>
      <c r="R3" s="584" t="s">
        <v>325</v>
      </c>
      <c r="S3" s="584" t="s">
        <v>326</v>
      </c>
      <c r="T3" s="585" t="s">
        <v>327</v>
      </c>
      <c r="U3" s="586" t="s">
        <v>332</v>
      </c>
      <c r="V3" s="587" t="s">
        <v>333</v>
      </c>
      <c r="W3" s="135"/>
      <c r="X3" s="116"/>
    </row>
    <row r="4" spans="1:24" s="597" customFormat="1" ht="11.25" customHeight="1">
      <c r="A4" s="189"/>
      <c r="B4" s="589" t="s">
        <v>189</v>
      </c>
      <c r="C4" s="589" t="s">
        <v>189</v>
      </c>
      <c r="D4" s="589" t="s">
        <v>189</v>
      </c>
      <c r="E4" s="856" t="s">
        <v>189</v>
      </c>
      <c r="F4" s="590" t="s">
        <v>189</v>
      </c>
      <c r="G4" s="589" t="s">
        <v>189</v>
      </c>
      <c r="H4" s="589" t="s">
        <v>189</v>
      </c>
      <c r="I4" s="856" t="s">
        <v>189</v>
      </c>
      <c r="J4" s="591" t="s">
        <v>189</v>
      </c>
      <c r="K4" s="589" t="s">
        <v>189</v>
      </c>
      <c r="L4" s="589" t="s">
        <v>189</v>
      </c>
      <c r="M4" s="589" t="s">
        <v>189</v>
      </c>
      <c r="N4" s="592" t="s">
        <v>71</v>
      </c>
      <c r="O4" s="593" t="s">
        <v>71</v>
      </c>
      <c r="P4" s="593" t="s">
        <v>71</v>
      </c>
      <c r="Q4" s="594" t="s">
        <v>71</v>
      </c>
      <c r="R4" s="593" t="s">
        <v>71</v>
      </c>
      <c r="S4" s="593" t="s">
        <v>71</v>
      </c>
      <c r="T4" s="594" t="s">
        <v>71</v>
      </c>
      <c r="U4" s="136" t="s">
        <v>179</v>
      </c>
      <c r="V4" s="595"/>
      <c r="W4" s="136"/>
      <c r="X4" s="596"/>
    </row>
    <row r="5" spans="1:24" ht="12.75" customHeight="1">
      <c r="A5" s="190" t="s">
        <v>402</v>
      </c>
      <c r="B5" s="138">
        <v>4579919</v>
      </c>
      <c r="C5" s="138">
        <v>546241</v>
      </c>
      <c r="D5" s="138">
        <v>2887271</v>
      </c>
      <c r="E5" s="857">
        <v>1030844</v>
      </c>
      <c r="F5" s="177">
        <v>4586915</v>
      </c>
      <c r="G5" s="178">
        <v>554999</v>
      </c>
      <c r="H5" s="178">
        <v>2889580</v>
      </c>
      <c r="I5" s="1003">
        <v>1026771</v>
      </c>
      <c r="J5" s="137">
        <v>-6996</v>
      </c>
      <c r="K5" s="138">
        <v>-8758</v>
      </c>
      <c r="L5" s="138">
        <v>-2309</v>
      </c>
      <c r="M5" s="138">
        <v>4073</v>
      </c>
      <c r="N5" s="615">
        <v>-0.15252081191825007</v>
      </c>
      <c r="O5" s="615">
        <v>-1.5780208612988491</v>
      </c>
      <c r="P5" s="615">
        <v>-7.9907806670865666E-2</v>
      </c>
      <c r="Q5" s="616">
        <v>0.39668046721226058</v>
      </c>
      <c r="R5" s="600">
        <v>12.2</v>
      </c>
      <c r="S5" s="600">
        <v>64.7</v>
      </c>
      <c r="T5" s="601">
        <v>23.1</v>
      </c>
      <c r="U5" s="617">
        <v>45.5</v>
      </c>
      <c r="V5" s="618">
        <v>188.7</v>
      </c>
      <c r="W5" s="139"/>
    </row>
    <row r="6" spans="1:24" ht="10.5" customHeight="1">
      <c r="A6" s="179"/>
      <c r="B6" s="141"/>
      <c r="C6" s="141"/>
      <c r="D6" s="141"/>
      <c r="E6" s="858"/>
      <c r="F6" s="180"/>
      <c r="G6" s="181"/>
      <c r="H6" s="181"/>
      <c r="I6" s="1004"/>
      <c r="J6" s="140"/>
      <c r="K6" s="141"/>
      <c r="L6" s="141"/>
      <c r="M6" s="141"/>
      <c r="N6" s="142"/>
      <c r="O6" s="143"/>
      <c r="P6" s="143"/>
      <c r="Q6" s="144"/>
      <c r="R6" s="145"/>
      <c r="S6" s="145"/>
      <c r="T6" s="146"/>
      <c r="U6" s="182"/>
      <c r="V6" s="148"/>
      <c r="W6" s="147"/>
    </row>
    <row r="7" spans="1:24" s="619" customFormat="1" ht="12.75" customHeight="1">
      <c r="A7" s="201" t="s">
        <v>335</v>
      </c>
      <c r="B7" s="138">
        <v>1862325</v>
      </c>
      <c r="C7" s="138">
        <v>222651</v>
      </c>
      <c r="D7" s="138">
        <v>1176220</v>
      </c>
      <c r="E7" s="857">
        <v>409734</v>
      </c>
      <c r="F7" s="177">
        <v>1866381</v>
      </c>
      <c r="G7" s="178">
        <v>225964</v>
      </c>
      <c r="H7" s="178">
        <v>1178464</v>
      </c>
      <c r="I7" s="1003">
        <v>408233</v>
      </c>
      <c r="J7" s="137">
        <v>-4056</v>
      </c>
      <c r="K7" s="138">
        <v>-3313</v>
      </c>
      <c r="L7" s="138">
        <v>-2244</v>
      </c>
      <c r="M7" s="138">
        <v>1501</v>
      </c>
      <c r="N7" s="615">
        <v>-0.21731897184979915</v>
      </c>
      <c r="O7" s="615">
        <v>-1.4661627515887488</v>
      </c>
      <c r="P7" s="615">
        <v>-0.19041735683058625</v>
      </c>
      <c r="Q7" s="616">
        <v>0.36768218149929083</v>
      </c>
      <c r="R7" s="600">
        <v>12.3</v>
      </c>
      <c r="S7" s="600">
        <v>65</v>
      </c>
      <c r="T7" s="601">
        <v>22.7</v>
      </c>
      <c r="U7" s="617">
        <v>45.41</v>
      </c>
      <c r="V7" s="618">
        <v>184</v>
      </c>
      <c r="W7" s="139"/>
      <c r="X7" s="80"/>
    </row>
    <row r="8" spans="1:24" ht="12.75" customHeight="1">
      <c r="A8" s="151" t="s">
        <v>336</v>
      </c>
      <c r="B8" s="141">
        <v>152335</v>
      </c>
      <c r="C8" s="141">
        <v>18450</v>
      </c>
      <c r="D8" s="141">
        <v>100587</v>
      </c>
      <c r="E8" s="858">
        <v>27971</v>
      </c>
      <c r="F8" s="183">
        <v>153282</v>
      </c>
      <c r="G8" s="184">
        <v>18833</v>
      </c>
      <c r="H8" s="184">
        <v>101212</v>
      </c>
      <c r="I8" s="1002">
        <v>27910</v>
      </c>
      <c r="J8" s="140">
        <v>-947</v>
      </c>
      <c r="K8" s="141">
        <v>-383</v>
      </c>
      <c r="L8" s="141">
        <v>-625</v>
      </c>
      <c r="M8" s="141">
        <v>61</v>
      </c>
      <c r="N8" s="142">
        <v>-0.61781552954684837</v>
      </c>
      <c r="O8" s="142">
        <v>-2.0336643126427014</v>
      </c>
      <c r="P8" s="142">
        <v>-0.61751570959965218</v>
      </c>
      <c r="Q8" s="144">
        <v>0.21855965603726266</v>
      </c>
      <c r="R8" s="145">
        <v>12.6</v>
      </c>
      <c r="S8" s="145">
        <v>68.400000000000006</v>
      </c>
      <c r="T8" s="146">
        <v>19</v>
      </c>
      <c r="U8" s="152">
        <v>43.65</v>
      </c>
      <c r="V8" s="148">
        <v>151.6</v>
      </c>
      <c r="W8" s="147"/>
    </row>
    <row r="9" spans="1:24" ht="12.75" customHeight="1">
      <c r="A9" s="151" t="s">
        <v>337</v>
      </c>
      <c r="B9" s="141">
        <v>126161</v>
      </c>
      <c r="C9" s="141">
        <v>13598</v>
      </c>
      <c r="D9" s="141">
        <v>83133</v>
      </c>
      <c r="E9" s="858">
        <v>23130</v>
      </c>
      <c r="F9" s="183">
        <v>125943</v>
      </c>
      <c r="G9" s="184">
        <v>13744</v>
      </c>
      <c r="H9" s="184">
        <v>82871</v>
      </c>
      <c r="I9" s="1002">
        <v>23028</v>
      </c>
      <c r="J9" s="140">
        <v>218</v>
      </c>
      <c r="K9" s="141">
        <v>-146</v>
      </c>
      <c r="L9" s="141">
        <v>262</v>
      </c>
      <c r="M9" s="141">
        <v>102</v>
      </c>
      <c r="N9" s="142">
        <v>0.17309417752475326</v>
      </c>
      <c r="O9" s="142">
        <v>-1.0622817229336439</v>
      </c>
      <c r="P9" s="142">
        <v>0.31615402251692387</v>
      </c>
      <c r="Q9" s="144">
        <v>0.44293903074517976</v>
      </c>
      <c r="R9" s="145">
        <v>11.3</v>
      </c>
      <c r="S9" s="145">
        <v>69.400000000000006</v>
      </c>
      <c r="T9" s="146">
        <v>19.3</v>
      </c>
      <c r="U9" s="152">
        <v>43.79</v>
      </c>
      <c r="V9" s="148">
        <v>170.1</v>
      </c>
      <c r="W9" s="147"/>
    </row>
    <row r="10" spans="1:24" ht="12.75" customHeight="1">
      <c r="A10" s="151" t="s">
        <v>338</v>
      </c>
      <c r="B10" s="141">
        <v>52764</v>
      </c>
      <c r="C10" s="141">
        <v>5725</v>
      </c>
      <c r="D10" s="141">
        <v>36426</v>
      </c>
      <c r="E10" s="858">
        <v>8753</v>
      </c>
      <c r="F10" s="183">
        <v>53064</v>
      </c>
      <c r="G10" s="184">
        <v>5824</v>
      </c>
      <c r="H10" s="184">
        <v>36665</v>
      </c>
      <c r="I10" s="1002">
        <v>8715</v>
      </c>
      <c r="J10" s="140">
        <v>-300</v>
      </c>
      <c r="K10" s="141">
        <v>-99</v>
      </c>
      <c r="L10" s="141">
        <v>-239</v>
      </c>
      <c r="M10" s="141">
        <v>38</v>
      </c>
      <c r="N10" s="142">
        <v>-0.56535504296698325</v>
      </c>
      <c r="O10" s="142">
        <v>-1.6998626373626373</v>
      </c>
      <c r="P10" s="142">
        <v>-0.65184781126414837</v>
      </c>
      <c r="Q10" s="144">
        <v>0.43602983362019504</v>
      </c>
      <c r="R10" s="145">
        <v>11.2</v>
      </c>
      <c r="S10" s="145">
        <v>71.599999999999994</v>
      </c>
      <c r="T10" s="146">
        <v>17.2</v>
      </c>
      <c r="U10" s="152">
        <v>43.43</v>
      </c>
      <c r="V10" s="148">
        <v>152.9</v>
      </c>
      <c r="W10" s="147"/>
    </row>
    <row r="11" spans="1:24" ht="12.75" customHeight="1">
      <c r="A11" s="151" t="s">
        <v>339</v>
      </c>
      <c r="B11" s="141">
        <v>76475</v>
      </c>
      <c r="C11" s="141">
        <v>7398</v>
      </c>
      <c r="D11" s="141">
        <v>47680</v>
      </c>
      <c r="E11" s="858">
        <v>16797</v>
      </c>
      <c r="F11" s="183">
        <v>77112</v>
      </c>
      <c r="G11" s="184">
        <v>7559</v>
      </c>
      <c r="H11" s="184">
        <v>48027</v>
      </c>
      <c r="I11" s="1002">
        <v>16926</v>
      </c>
      <c r="J11" s="140">
        <v>-637</v>
      </c>
      <c r="K11" s="141">
        <v>-161</v>
      </c>
      <c r="L11" s="141">
        <v>-347</v>
      </c>
      <c r="M11" s="141">
        <v>-129</v>
      </c>
      <c r="N11" s="142">
        <v>-0.82607116920842416</v>
      </c>
      <c r="O11" s="142">
        <v>-2.1299113639370288</v>
      </c>
      <c r="P11" s="142">
        <v>-0.72251025464842689</v>
      </c>
      <c r="Q11" s="144">
        <v>-0.76214108472172992</v>
      </c>
      <c r="R11" s="145">
        <v>10.3</v>
      </c>
      <c r="S11" s="145">
        <v>66.3</v>
      </c>
      <c r="T11" s="146">
        <v>23.4</v>
      </c>
      <c r="U11" s="152">
        <v>47.31</v>
      </c>
      <c r="V11" s="148">
        <v>227</v>
      </c>
      <c r="W11" s="147"/>
    </row>
    <row r="12" spans="1:24" ht="12.75" customHeight="1">
      <c r="A12" s="151" t="s">
        <v>340</v>
      </c>
      <c r="B12" s="141">
        <v>98564</v>
      </c>
      <c r="C12" s="141">
        <v>9599</v>
      </c>
      <c r="D12" s="141">
        <v>61861</v>
      </c>
      <c r="E12" s="858">
        <v>23467</v>
      </c>
      <c r="F12" s="183">
        <v>98866</v>
      </c>
      <c r="G12" s="184">
        <v>9773</v>
      </c>
      <c r="H12" s="184">
        <v>61937</v>
      </c>
      <c r="I12" s="1002">
        <v>23519</v>
      </c>
      <c r="J12" s="140">
        <v>-302</v>
      </c>
      <c r="K12" s="141">
        <v>-174</v>
      </c>
      <c r="L12" s="141">
        <v>-76</v>
      </c>
      <c r="M12" s="141">
        <v>-52</v>
      </c>
      <c r="N12" s="142">
        <v>-0.30546396132138454</v>
      </c>
      <c r="O12" s="142">
        <v>-1.7804154302670623</v>
      </c>
      <c r="P12" s="142">
        <v>-0.12270532960911894</v>
      </c>
      <c r="Q12" s="144">
        <v>-0.22109783579233813</v>
      </c>
      <c r="R12" s="145">
        <v>10.1</v>
      </c>
      <c r="S12" s="145">
        <v>65.2</v>
      </c>
      <c r="T12" s="146">
        <v>24.7</v>
      </c>
      <c r="U12" s="152">
        <v>46.99</v>
      </c>
      <c r="V12" s="148">
        <v>244.5</v>
      </c>
      <c r="W12" s="147"/>
    </row>
    <row r="13" spans="1:24" ht="12.75" customHeight="1">
      <c r="A13" s="151" t="s">
        <v>403</v>
      </c>
      <c r="B13" s="141">
        <v>101211</v>
      </c>
      <c r="C13" s="141">
        <v>11085</v>
      </c>
      <c r="D13" s="141">
        <v>64025</v>
      </c>
      <c r="E13" s="858">
        <v>23302</v>
      </c>
      <c r="F13" s="183">
        <v>101851</v>
      </c>
      <c r="G13" s="184">
        <v>11263</v>
      </c>
      <c r="H13" s="184">
        <v>64591</v>
      </c>
      <c r="I13" s="1002">
        <v>23198</v>
      </c>
      <c r="J13" s="140">
        <v>-640</v>
      </c>
      <c r="K13" s="141">
        <v>-178</v>
      </c>
      <c r="L13" s="141">
        <v>-566</v>
      </c>
      <c r="M13" s="141">
        <v>104</v>
      </c>
      <c r="N13" s="142">
        <v>-0.62836889181254973</v>
      </c>
      <c r="O13" s="142">
        <v>-1.5803959868596289</v>
      </c>
      <c r="P13" s="142">
        <v>-0.87628307349321111</v>
      </c>
      <c r="Q13" s="144">
        <v>0.44831450987154065</v>
      </c>
      <c r="R13" s="145">
        <v>11.3</v>
      </c>
      <c r="S13" s="145">
        <v>65.099999999999994</v>
      </c>
      <c r="T13" s="146">
        <v>23.7</v>
      </c>
      <c r="U13" s="152">
        <v>45.96</v>
      </c>
      <c r="V13" s="148">
        <v>210.2</v>
      </c>
      <c r="W13" s="147"/>
    </row>
    <row r="14" spans="1:24" ht="12.75" customHeight="1">
      <c r="A14" s="151" t="s">
        <v>342</v>
      </c>
      <c r="B14" s="141">
        <v>81745</v>
      </c>
      <c r="C14" s="141">
        <v>9541</v>
      </c>
      <c r="D14" s="141">
        <v>48309</v>
      </c>
      <c r="E14" s="858">
        <v>19740</v>
      </c>
      <c r="F14" s="183">
        <v>81982</v>
      </c>
      <c r="G14" s="184">
        <v>9670</v>
      </c>
      <c r="H14" s="184">
        <v>48475</v>
      </c>
      <c r="I14" s="1002">
        <v>19682</v>
      </c>
      <c r="J14" s="140">
        <v>-237</v>
      </c>
      <c r="K14" s="141">
        <v>-129</v>
      </c>
      <c r="L14" s="141">
        <v>-166</v>
      </c>
      <c r="M14" s="141">
        <v>58</v>
      </c>
      <c r="N14" s="142">
        <v>-0.28908784855212122</v>
      </c>
      <c r="O14" s="142">
        <v>-1.3340227507755946</v>
      </c>
      <c r="P14" s="142">
        <v>-0.34244455905105725</v>
      </c>
      <c r="Q14" s="144">
        <v>0.29468549944111372</v>
      </c>
      <c r="R14" s="145">
        <v>12.3</v>
      </c>
      <c r="S14" s="145">
        <v>62.3</v>
      </c>
      <c r="T14" s="146">
        <v>25.4</v>
      </c>
      <c r="U14" s="152">
        <v>46.7</v>
      </c>
      <c r="V14" s="148">
        <v>206.9</v>
      </c>
      <c r="W14" s="147"/>
    </row>
    <row r="15" spans="1:24" ht="12.75" customHeight="1">
      <c r="A15" s="151" t="s">
        <v>343</v>
      </c>
      <c r="B15" s="141">
        <v>96120</v>
      </c>
      <c r="C15" s="141">
        <v>10622</v>
      </c>
      <c r="D15" s="141">
        <v>57091</v>
      </c>
      <c r="E15" s="858">
        <v>26416</v>
      </c>
      <c r="F15" s="183">
        <v>96824</v>
      </c>
      <c r="G15" s="184">
        <v>10973</v>
      </c>
      <c r="H15" s="184">
        <v>57535</v>
      </c>
      <c r="I15" s="1002">
        <v>26325</v>
      </c>
      <c r="J15" s="140">
        <v>-704</v>
      </c>
      <c r="K15" s="141">
        <v>-351</v>
      </c>
      <c r="L15" s="141">
        <v>-444</v>
      </c>
      <c r="M15" s="141">
        <v>91</v>
      </c>
      <c r="N15" s="142">
        <v>-0.7270924564157647</v>
      </c>
      <c r="O15" s="142">
        <v>-3.1987605941857291</v>
      </c>
      <c r="P15" s="142">
        <v>-0.77170418006430863</v>
      </c>
      <c r="Q15" s="144">
        <v>0.34567901234567905</v>
      </c>
      <c r="R15" s="145">
        <v>11.3</v>
      </c>
      <c r="S15" s="145">
        <v>60.7</v>
      </c>
      <c r="T15" s="146">
        <v>28.1</v>
      </c>
      <c r="U15" s="152">
        <v>47.6</v>
      </c>
      <c r="V15" s="148">
        <v>248.7</v>
      </c>
      <c r="W15" s="147"/>
    </row>
    <row r="16" spans="1:24" ht="12.75" customHeight="1">
      <c r="A16" s="151" t="s">
        <v>344</v>
      </c>
      <c r="B16" s="141">
        <v>179335</v>
      </c>
      <c r="C16" s="141">
        <v>22211</v>
      </c>
      <c r="D16" s="141">
        <v>119627</v>
      </c>
      <c r="E16" s="858">
        <v>30478</v>
      </c>
      <c r="F16" s="183">
        <v>179085</v>
      </c>
      <c r="G16" s="184">
        <v>22308</v>
      </c>
      <c r="H16" s="184">
        <v>119447</v>
      </c>
      <c r="I16" s="1002">
        <v>30311</v>
      </c>
      <c r="J16" s="140">
        <v>250</v>
      </c>
      <c r="K16" s="141">
        <v>-97</v>
      </c>
      <c r="L16" s="141">
        <v>180</v>
      </c>
      <c r="M16" s="141">
        <v>167</v>
      </c>
      <c r="N16" s="142">
        <v>0.1395985146718039</v>
      </c>
      <c r="O16" s="142">
        <v>-0.43482158866774251</v>
      </c>
      <c r="P16" s="142">
        <v>0.15069445025827355</v>
      </c>
      <c r="Q16" s="144">
        <v>0.55095509880901328</v>
      </c>
      <c r="R16" s="145">
        <v>12.9</v>
      </c>
      <c r="S16" s="145">
        <v>69.400000000000006</v>
      </c>
      <c r="T16" s="146">
        <v>17.7</v>
      </c>
      <c r="U16" s="152">
        <v>42.9</v>
      </c>
      <c r="V16" s="148">
        <v>137.19999999999999</v>
      </c>
      <c r="W16" s="147"/>
    </row>
    <row r="17" spans="1:24" ht="12.75" customHeight="1">
      <c r="A17" s="151" t="s">
        <v>345</v>
      </c>
      <c r="B17" s="141">
        <v>138420</v>
      </c>
      <c r="C17" s="141">
        <v>18279</v>
      </c>
      <c r="D17" s="141">
        <v>85792</v>
      </c>
      <c r="E17" s="858">
        <v>32124</v>
      </c>
      <c r="F17" s="183">
        <v>138402</v>
      </c>
      <c r="G17" s="184">
        <v>18543</v>
      </c>
      <c r="H17" s="184">
        <v>85749</v>
      </c>
      <c r="I17" s="1002">
        <v>31885</v>
      </c>
      <c r="J17" s="140">
        <v>18</v>
      </c>
      <c r="K17" s="141">
        <v>-264</v>
      </c>
      <c r="L17" s="141">
        <v>43</v>
      </c>
      <c r="M17" s="141">
        <v>239</v>
      </c>
      <c r="N17" s="142">
        <v>1.3005592404734036E-2</v>
      </c>
      <c r="O17" s="142">
        <v>-1.4237178450088983</v>
      </c>
      <c r="P17" s="142">
        <v>5.0146357391922934E-2</v>
      </c>
      <c r="Q17" s="144">
        <v>0.74956876274110085</v>
      </c>
      <c r="R17" s="145">
        <v>13.4</v>
      </c>
      <c r="S17" s="145">
        <v>63</v>
      </c>
      <c r="T17" s="146">
        <v>23.6</v>
      </c>
      <c r="U17" s="152">
        <v>45.42</v>
      </c>
      <c r="V17" s="148">
        <v>175.7</v>
      </c>
      <c r="W17" s="147"/>
    </row>
    <row r="18" spans="1:24" ht="12.75" customHeight="1">
      <c r="A18" s="151" t="s">
        <v>346</v>
      </c>
      <c r="B18" s="141">
        <v>104900</v>
      </c>
      <c r="C18" s="141">
        <v>11934</v>
      </c>
      <c r="D18" s="141">
        <v>63553</v>
      </c>
      <c r="E18" s="858">
        <v>27004</v>
      </c>
      <c r="F18" s="183">
        <v>104914</v>
      </c>
      <c r="G18" s="184">
        <v>12046</v>
      </c>
      <c r="H18" s="184">
        <v>63503</v>
      </c>
      <c r="I18" s="1002">
        <v>26956</v>
      </c>
      <c r="J18" s="140">
        <v>-14</v>
      </c>
      <c r="K18" s="141">
        <v>-112</v>
      </c>
      <c r="L18" s="141">
        <v>50</v>
      </c>
      <c r="M18" s="141">
        <v>48</v>
      </c>
      <c r="N18" s="142">
        <v>-1.334426292010599E-2</v>
      </c>
      <c r="O18" s="142">
        <v>-0.92976921799767553</v>
      </c>
      <c r="P18" s="142">
        <v>7.8736437648615029E-2</v>
      </c>
      <c r="Q18" s="144">
        <v>0.17806796260572785</v>
      </c>
      <c r="R18" s="145">
        <v>11.6</v>
      </c>
      <c r="S18" s="145">
        <v>62</v>
      </c>
      <c r="T18" s="146">
        <v>26.3</v>
      </c>
      <c r="U18" s="152">
        <v>47.33</v>
      </c>
      <c r="V18" s="148">
        <v>226.3</v>
      </c>
      <c r="W18" s="147"/>
    </row>
    <row r="19" spans="1:24" ht="12.75" customHeight="1">
      <c r="A19" s="151" t="s">
        <v>347</v>
      </c>
      <c r="B19" s="141">
        <v>117399</v>
      </c>
      <c r="C19" s="141">
        <v>13779</v>
      </c>
      <c r="D19" s="141">
        <v>70595</v>
      </c>
      <c r="E19" s="858">
        <v>31551</v>
      </c>
      <c r="F19" s="183">
        <v>118085</v>
      </c>
      <c r="G19" s="184">
        <v>14049</v>
      </c>
      <c r="H19" s="184">
        <v>70932</v>
      </c>
      <c r="I19" s="1002">
        <v>31630</v>
      </c>
      <c r="J19" s="140">
        <v>-686</v>
      </c>
      <c r="K19" s="141">
        <v>-270</v>
      </c>
      <c r="L19" s="141">
        <v>-337</v>
      </c>
      <c r="M19" s="141">
        <v>-79</v>
      </c>
      <c r="N19" s="142">
        <v>-0.58093746030401827</v>
      </c>
      <c r="O19" s="142">
        <v>-1.9218449711723256</v>
      </c>
      <c r="P19" s="142">
        <v>-0.47510291546833583</v>
      </c>
      <c r="Q19" s="144">
        <v>-0.24976288333860261</v>
      </c>
      <c r="R19" s="145">
        <v>11.9</v>
      </c>
      <c r="S19" s="145">
        <v>60.9</v>
      </c>
      <c r="T19" s="146">
        <v>27.2</v>
      </c>
      <c r="U19" s="152">
        <v>47.62</v>
      </c>
      <c r="V19" s="148">
        <v>229</v>
      </c>
      <c r="W19" s="147"/>
    </row>
    <row r="20" spans="1:24" ht="12.75" customHeight="1">
      <c r="A20" s="151" t="s">
        <v>348</v>
      </c>
      <c r="B20" s="141">
        <v>90027</v>
      </c>
      <c r="C20" s="141">
        <v>11752</v>
      </c>
      <c r="D20" s="141">
        <v>56503</v>
      </c>
      <c r="E20" s="858">
        <v>19728</v>
      </c>
      <c r="F20" s="183">
        <v>90250</v>
      </c>
      <c r="G20" s="184">
        <v>11863</v>
      </c>
      <c r="H20" s="184">
        <v>56701</v>
      </c>
      <c r="I20" s="1002">
        <v>19642</v>
      </c>
      <c r="J20" s="140">
        <v>-223</v>
      </c>
      <c r="K20" s="141">
        <v>-111</v>
      </c>
      <c r="L20" s="141">
        <v>-198</v>
      </c>
      <c r="M20" s="141">
        <v>86</v>
      </c>
      <c r="N20" s="142">
        <v>-0.24709141274238228</v>
      </c>
      <c r="O20" s="142">
        <v>-0.93568237376717522</v>
      </c>
      <c r="P20" s="142">
        <v>-0.34920019047283118</v>
      </c>
      <c r="Q20" s="144">
        <v>0.43783728744527028</v>
      </c>
      <c r="R20" s="145">
        <v>13.4</v>
      </c>
      <c r="S20" s="145">
        <v>64.2</v>
      </c>
      <c r="T20" s="146">
        <v>22.4</v>
      </c>
      <c r="U20" s="152">
        <v>44.94</v>
      </c>
      <c r="V20" s="148">
        <v>167.9</v>
      </c>
      <c r="W20" s="147"/>
    </row>
    <row r="21" spans="1:24" ht="12.75" customHeight="1">
      <c r="A21" s="151" t="s">
        <v>349</v>
      </c>
      <c r="B21" s="141">
        <v>59009</v>
      </c>
      <c r="C21" s="141">
        <v>7033</v>
      </c>
      <c r="D21" s="141">
        <v>36270</v>
      </c>
      <c r="E21" s="858">
        <v>14897</v>
      </c>
      <c r="F21" s="183">
        <v>59278</v>
      </c>
      <c r="G21" s="184">
        <v>7182</v>
      </c>
      <c r="H21" s="184">
        <v>36349</v>
      </c>
      <c r="I21" s="1002">
        <v>14938</v>
      </c>
      <c r="J21" s="140">
        <v>-269</v>
      </c>
      <c r="K21" s="141">
        <v>-149</v>
      </c>
      <c r="L21" s="141">
        <v>-79</v>
      </c>
      <c r="M21" s="141">
        <v>-41</v>
      </c>
      <c r="N21" s="142">
        <v>-0.45379398765140527</v>
      </c>
      <c r="O21" s="142">
        <v>-2.0746310219994428</v>
      </c>
      <c r="P21" s="142">
        <v>-0.21733747833502984</v>
      </c>
      <c r="Q21" s="144">
        <v>-0.2744678002409961</v>
      </c>
      <c r="R21" s="145">
        <v>12.1</v>
      </c>
      <c r="S21" s="145">
        <v>62.3</v>
      </c>
      <c r="T21" s="146">
        <v>25.6</v>
      </c>
      <c r="U21" s="152">
        <v>46.68</v>
      </c>
      <c r="V21" s="148">
        <v>211.8</v>
      </c>
      <c r="W21" s="147"/>
    </row>
    <row r="22" spans="1:24" ht="12.75" customHeight="1">
      <c r="A22" s="151" t="s">
        <v>350</v>
      </c>
      <c r="B22" s="141">
        <v>58765</v>
      </c>
      <c r="C22" s="141">
        <v>6808</v>
      </c>
      <c r="D22" s="141">
        <v>34195</v>
      </c>
      <c r="E22" s="858">
        <v>16519</v>
      </c>
      <c r="F22" s="183">
        <v>58460</v>
      </c>
      <c r="G22" s="184">
        <v>6880</v>
      </c>
      <c r="H22" s="184">
        <v>33789</v>
      </c>
      <c r="I22" s="1002">
        <v>16548</v>
      </c>
      <c r="J22" s="140">
        <v>305</v>
      </c>
      <c r="K22" s="141">
        <v>-72</v>
      </c>
      <c r="L22" s="141">
        <v>406</v>
      </c>
      <c r="M22" s="141">
        <v>-29</v>
      </c>
      <c r="N22" s="142">
        <v>0.52172425590147109</v>
      </c>
      <c r="O22" s="142">
        <v>-1.0465116279069768</v>
      </c>
      <c r="P22" s="142">
        <v>1.2015744769007666</v>
      </c>
      <c r="Q22" s="144">
        <v>-0.17524776408025139</v>
      </c>
      <c r="R22" s="145">
        <v>11.8</v>
      </c>
      <c r="S22" s="145">
        <v>59.4</v>
      </c>
      <c r="T22" s="146">
        <v>28.7</v>
      </c>
      <c r="U22" s="152">
        <v>48.1</v>
      </c>
      <c r="V22" s="148">
        <v>242.6</v>
      </c>
      <c r="W22" s="147"/>
    </row>
    <row r="23" spans="1:24" ht="12.75" customHeight="1">
      <c r="A23" s="151" t="s">
        <v>351</v>
      </c>
      <c r="B23" s="141">
        <v>73689</v>
      </c>
      <c r="C23" s="141">
        <v>8995</v>
      </c>
      <c r="D23" s="141">
        <v>44492</v>
      </c>
      <c r="E23" s="858">
        <v>19588</v>
      </c>
      <c r="F23" s="183">
        <v>73901</v>
      </c>
      <c r="G23" s="184">
        <v>9187</v>
      </c>
      <c r="H23" s="184">
        <v>44534</v>
      </c>
      <c r="I23" s="1002">
        <v>19566</v>
      </c>
      <c r="J23" s="140">
        <v>-212</v>
      </c>
      <c r="K23" s="141">
        <v>-192</v>
      </c>
      <c r="L23" s="141">
        <v>-42</v>
      </c>
      <c r="M23" s="141">
        <v>22</v>
      </c>
      <c r="N23" s="142">
        <v>-0.28687027239144264</v>
      </c>
      <c r="O23" s="142">
        <v>-2.089909654947208</v>
      </c>
      <c r="P23" s="142">
        <v>-9.4309965419679356E-2</v>
      </c>
      <c r="Q23" s="144">
        <v>0.11243994684657058</v>
      </c>
      <c r="R23" s="145">
        <v>12.3</v>
      </c>
      <c r="S23" s="145">
        <v>60.9</v>
      </c>
      <c r="T23" s="146">
        <v>26.8</v>
      </c>
      <c r="U23" s="152">
        <v>47.29</v>
      </c>
      <c r="V23" s="148">
        <v>217.8</v>
      </c>
      <c r="W23" s="147"/>
    </row>
    <row r="24" spans="1:24" ht="12.75" customHeight="1">
      <c r="A24" s="151" t="s">
        <v>352</v>
      </c>
      <c r="B24" s="141">
        <v>150136</v>
      </c>
      <c r="C24" s="141">
        <v>19773</v>
      </c>
      <c r="D24" s="141">
        <v>95785</v>
      </c>
      <c r="E24" s="858">
        <v>30692</v>
      </c>
      <c r="F24" s="183">
        <v>150389</v>
      </c>
      <c r="G24" s="184">
        <v>19935</v>
      </c>
      <c r="H24" s="184">
        <v>96282</v>
      </c>
      <c r="I24" s="1002">
        <v>30286</v>
      </c>
      <c r="J24" s="140">
        <v>-253</v>
      </c>
      <c r="K24" s="141">
        <v>-162</v>
      </c>
      <c r="L24" s="141">
        <v>-497</v>
      </c>
      <c r="M24" s="141">
        <v>406</v>
      </c>
      <c r="N24" s="142">
        <v>-0.1682303891906988</v>
      </c>
      <c r="O24" s="142">
        <v>-0.81264108352144471</v>
      </c>
      <c r="P24" s="142">
        <v>-0.51619201927670799</v>
      </c>
      <c r="Q24" s="144">
        <v>1.3405533910057452</v>
      </c>
      <c r="R24" s="145">
        <v>13.5</v>
      </c>
      <c r="S24" s="145">
        <v>65.5</v>
      </c>
      <c r="T24" s="146">
        <v>21</v>
      </c>
      <c r="U24" s="152">
        <v>44.56</v>
      </c>
      <c r="V24" s="148">
        <v>155.19999999999999</v>
      </c>
      <c r="W24" s="147"/>
    </row>
    <row r="25" spans="1:24" ht="12.75" customHeight="1">
      <c r="A25" s="151" t="s">
        <v>353</v>
      </c>
      <c r="B25" s="141">
        <v>105270</v>
      </c>
      <c r="C25" s="141">
        <v>16069</v>
      </c>
      <c r="D25" s="141">
        <v>70296</v>
      </c>
      <c r="E25" s="858">
        <v>17577</v>
      </c>
      <c r="F25" s="183">
        <v>104693</v>
      </c>
      <c r="G25" s="184">
        <v>16332</v>
      </c>
      <c r="H25" s="184">
        <v>69865</v>
      </c>
      <c r="I25" s="1002">
        <v>17168</v>
      </c>
      <c r="J25" s="140">
        <v>577</v>
      </c>
      <c r="K25" s="141">
        <v>-263</v>
      </c>
      <c r="L25" s="141">
        <v>431</v>
      </c>
      <c r="M25" s="141">
        <v>409</v>
      </c>
      <c r="N25" s="142">
        <v>0.55113522394047354</v>
      </c>
      <c r="O25" s="142">
        <v>-1.6103355375949056</v>
      </c>
      <c r="P25" s="142">
        <v>0.61690402919916976</v>
      </c>
      <c r="Q25" s="144">
        <v>2.3823392357875117</v>
      </c>
      <c r="R25" s="145">
        <v>15.5</v>
      </c>
      <c r="S25" s="145">
        <v>67.599999999999994</v>
      </c>
      <c r="T25" s="146">
        <v>16.899999999999999</v>
      </c>
      <c r="U25" s="152">
        <v>42.41</v>
      </c>
      <c r="V25" s="148">
        <v>109.4</v>
      </c>
      <c r="W25" s="147"/>
    </row>
    <row r="26" spans="1:24" ht="9" customHeight="1">
      <c r="A26" s="151"/>
      <c r="B26" s="141"/>
      <c r="C26" s="141"/>
      <c r="D26" s="141"/>
      <c r="E26" s="858"/>
      <c r="F26" s="183"/>
      <c r="G26" s="184"/>
      <c r="H26" s="184"/>
      <c r="I26" s="1002"/>
      <c r="J26" s="140"/>
      <c r="K26" s="141"/>
      <c r="L26" s="141"/>
      <c r="M26" s="141"/>
      <c r="N26" s="142"/>
      <c r="O26" s="143"/>
      <c r="P26" s="143"/>
      <c r="Q26" s="144"/>
      <c r="R26" s="145"/>
      <c r="S26" s="145"/>
      <c r="T26" s="146"/>
      <c r="U26" s="152"/>
      <c r="V26" s="148"/>
      <c r="W26" s="147"/>
    </row>
    <row r="27" spans="1:24" s="619" customFormat="1" ht="12.75" customHeight="1">
      <c r="A27" s="205" t="s">
        <v>354</v>
      </c>
      <c r="B27" s="155">
        <v>774902</v>
      </c>
      <c r="C27" s="155">
        <v>95541</v>
      </c>
      <c r="D27" s="155">
        <v>519879</v>
      </c>
      <c r="E27" s="859">
        <v>135067</v>
      </c>
      <c r="F27" s="177">
        <v>775501</v>
      </c>
      <c r="G27" s="178">
        <v>97150</v>
      </c>
      <c r="H27" s="178">
        <v>519611</v>
      </c>
      <c r="I27" s="1003">
        <v>134325</v>
      </c>
      <c r="J27" s="137">
        <v>-599</v>
      </c>
      <c r="K27" s="155">
        <v>-1609</v>
      </c>
      <c r="L27" s="155">
        <v>268</v>
      </c>
      <c r="M27" s="155">
        <v>742</v>
      </c>
      <c r="N27" s="620">
        <v>-7.724039040568613E-2</v>
      </c>
      <c r="O27" s="620">
        <v>-1.6562017498713328</v>
      </c>
      <c r="P27" s="620">
        <v>5.1577045135688039E-2</v>
      </c>
      <c r="Q27" s="621">
        <v>0.55239158756746698</v>
      </c>
      <c r="R27" s="611">
        <v>12.7</v>
      </c>
      <c r="S27" s="611">
        <v>69.3</v>
      </c>
      <c r="T27" s="612">
        <v>18</v>
      </c>
      <c r="U27" s="622">
        <v>42.96</v>
      </c>
      <c r="V27" s="623">
        <v>141.4</v>
      </c>
      <c r="W27" s="156"/>
      <c r="X27" s="80"/>
    </row>
    <row r="28" spans="1:24" ht="12.75" customHeight="1">
      <c r="A28" s="151" t="s">
        <v>355</v>
      </c>
      <c r="B28" s="141">
        <v>123835</v>
      </c>
      <c r="C28" s="141">
        <v>12334</v>
      </c>
      <c r="D28" s="141">
        <v>81969</v>
      </c>
      <c r="E28" s="858">
        <v>23318</v>
      </c>
      <c r="F28" s="183">
        <v>124765</v>
      </c>
      <c r="G28" s="184">
        <v>12704</v>
      </c>
      <c r="H28" s="184">
        <v>82365</v>
      </c>
      <c r="I28" s="1002">
        <v>23482</v>
      </c>
      <c r="J28" s="140">
        <v>-930</v>
      </c>
      <c r="K28" s="141">
        <v>-370</v>
      </c>
      <c r="L28" s="141">
        <v>-396</v>
      </c>
      <c r="M28" s="141">
        <v>-164</v>
      </c>
      <c r="N28" s="142">
        <v>-0.74540135454654755</v>
      </c>
      <c r="O28" s="142">
        <v>-2.9124685138539044</v>
      </c>
      <c r="P28" s="142">
        <v>-0.48078674194135856</v>
      </c>
      <c r="Q28" s="144">
        <v>-0.69840729069074181</v>
      </c>
      <c r="R28" s="145">
        <v>10.5</v>
      </c>
      <c r="S28" s="145">
        <v>69.7</v>
      </c>
      <c r="T28" s="146">
        <v>19.8</v>
      </c>
      <c r="U28" s="152">
        <v>44.38</v>
      </c>
      <c r="V28" s="148">
        <v>189.1</v>
      </c>
      <c r="W28" s="147"/>
    </row>
    <row r="29" spans="1:24" ht="12.75" customHeight="1">
      <c r="A29" s="151" t="s">
        <v>356</v>
      </c>
      <c r="B29" s="141">
        <v>86533</v>
      </c>
      <c r="C29" s="141">
        <v>11673</v>
      </c>
      <c r="D29" s="141">
        <v>58060</v>
      </c>
      <c r="E29" s="858">
        <v>16115</v>
      </c>
      <c r="F29" s="183">
        <v>86700</v>
      </c>
      <c r="G29" s="184">
        <v>11790</v>
      </c>
      <c r="H29" s="184">
        <v>58171</v>
      </c>
      <c r="I29" s="1002">
        <v>16054</v>
      </c>
      <c r="J29" s="140">
        <v>-167</v>
      </c>
      <c r="K29" s="141">
        <v>-117</v>
      </c>
      <c r="L29" s="141">
        <v>-111</v>
      </c>
      <c r="M29" s="141">
        <v>61</v>
      </c>
      <c r="N29" s="142">
        <v>-0.19261822376009227</v>
      </c>
      <c r="O29" s="142">
        <v>-0.99236641221374045</v>
      </c>
      <c r="P29" s="142">
        <v>-0.19081672998573174</v>
      </c>
      <c r="Q29" s="144">
        <v>0.37996760931854989</v>
      </c>
      <c r="R29" s="145">
        <v>13.6</v>
      </c>
      <c r="S29" s="145">
        <v>67.599999999999994</v>
      </c>
      <c r="T29" s="146">
        <v>18.8</v>
      </c>
      <c r="U29" s="152">
        <v>43.08</v>
      </c>
      <c r="V29" s="148">
        <v>138.1</v>
      </c>
      <c r="W29" s="147"/>
    </row>
    <row r="30" spans="1:24" ht="12.75" customHeight="1">
      <c r="A30" s="151" t="s">
        <v>357</v>
      </c>
      <c r="B30" s="141">
        <v>133771</v>
      </c>
      <c r="C30" s="141">
        <v>17201</v>
      </c>
      <c r="D30" s="141">
        <v>94500</v>
      </c>
      <c r="E30" s="858">
        <v>17704</v>
      </c>
      <c r="F30" s="183">
        <v>133853</v>
      </c>
      <c r="G30" s="184">
        <v>17515</v>
      </c>
      <c r="H30" s="184">
        <v>94490</v>
      </c>
      <c r="I30" s="1002">
        <v>17482</v>
      </c>
      <c r="J30" s="140">
        <v>-82</v>
      </c>
      <c r="K30" s="141">
        <v>-314</v>
      </c>
      <c r="L30" s="141">
        <v>10</v>
      </c>
      <c r="M30" s="141">
        <v>222</v>
      </c>
      <c r="N30" s="142">
        <v>-6.1261234339163112E-2</v>
      </c>
      <c r="O30" s="142">
        <v>-1.7927490722238082</v>
      </c>
      <c r="P30" s="142">
        <v>1.0583130489998942E-2</v>
      </c>
      <c r="Q30" s="144">
        <v>1.269877588376616</v>
      </c>
      <c r="R30" s="145">
        <v>13.3</v>
      </c>
      <c r="S30" s="145">
        <v>73</v>
      </c>
      <c r="T30" s="146">
        <v>13.7</v>
      </c>
      <c r="U30" s="152">
        <v>40.72</v>
      </c>
      <c r="V30" s="148">
        <v>102.9</v>
      </c>
      <c r="W30" s="147"/>
    </row>
    <row r="31" spans="1:24" ht="12.75" customHeight="1">
      <c r="A31" s="151" t="s">
        <v>358</v>
      </c>
      <c r="B31" s="141">
        <v>116257</v>
      </c>
      <c r="C31" s="141">
        <v>14629</v>
      </c>
      <c r="D31" s="141">
        <v>79383</v>
      </c>
      <c r="E31" s="858">
        <v>19029</v>
      </c>
      <c r="F31" s="183">
        <v>116283</v>
      </c>
      <c r="G31" s="184">
        <v>14951</v>
      </c>
      <c r="H31" s="184">
        <v>79224</v>
      </c>
      <c r="I31" s="1002">
        <v>18892</v>
      </c>
      <c r="J31" s="140">
        <v>-26</v>
      </c>
      <c r="K31" s="141">
        <v>-322</v>
      </c>
      <c r="L31" s="141">
        <v>159</v>
      </c>
      <c r="M31" s="141">
        <v>137</v>
      </c>
      <c r="N31" s="142">
        <v>-2.2359244257544094E-2</v>
      </c>
      <c r="O31" s="142">
        <v>-2.1537020935054509</v>
      </c>
      <c r="P31" s="142">
        <v>0.20069675855801269</v>
      </c>
      <c r="Q31" s="144">
        <v>0.72517467711200501</v>
      </c>
      <c r="R31" s="145">
        <v>12.9</v>
      </c>
      <c r="S31" s="145">
        <v>70.2</v>
      </c>
      <c r="T31" s="146">
        <v>16.8</v>
      </c>
      <c r="U31" s="152">
        <v>42.45</v>
      </c>
      <c r="V31" s="148">
        <v>130.1</v>
      </c>
      <c r="W31" s="147"/>
    </row>
    <row r="32" spans="1:24" ht="12.75" customHeight="1">
      <c r="A32" s="151" t="s">
        <v>359</v>
      </c>
      <c r="B32" s="141">
        <v>113612</v>
      </c>
      <c r="C32" s="141">
        <v>11916</v>
      </c>
      <c r="D32" s="141">
        <v>77755</v>
      </c>
      <c r="E32" s="858">
        <v>19000</v>
      </c>
      <c r="F32" s="183">
        <v>112998</v>
      </c>
      <c r="G32" s="184">
        <v>12012</v>
      </c>
      <c r="H32" s="184">
        <v>77180</v>
      </c>
      <c r="I32" s="1002">
        <v>18865</v>
      </c>
      <c r="J32" s="140">
        <v>614</v>
      </c>
      <c r="K32" s="141">
        <v>-96</v>
      </c>
      <c r="L32" s="141">
        <v>575</v>
      </c>
      <c r="M32" s="141">
        <v>135</v>
      </c>
      <c r="N32" s="142">
        <v>0.54337244906989501</v>
      </c>
      <c r="O32" s="142">
        <v>-0.79920079920079923</v>
      </c>
      <c r="P32" s="142">
        <v>0.74501166105208605</v>
      </c>
      <c r="Q32" s="144">
        <v>0.71561091969255231</v>
      </c>
      <c r="R32" s="145">
        <v>11</v>
      </c>
      <c r="S32" s="145">
        <v>71.599999999999994</v>
      </c>
      <c r="T32" s="146">
        <v>17.5</v>
      </c>
      <c r="U32" s="152">
        <v>42.67</v>
      </c>
      <c r="V32" s="148">
        <v>159.4</v>
      </c>
      <c r="W32" s="147"/>
    </row>
    <row r="33" spans="1:23" ht="12.75" customHeight="1">
      <c r="A33" s="151" t="s">
        <v>360</v>
      </c>
      <c r="B33" s="141">
        <v>113621</v>
      </c>
      <c r="C33" s="141">
        <v>16212</v>
      </c>
      <c r="D33" s="141">
        <v>73804</v>
      </c>
      <c r="E33" s="858">
        <v>21060</v>
      </c>
      <c r="F33" s="183">
        <v>113404</v>
      </c>
      <c r="G33" s="184">
        <v>16404</v>
      </c>
      <c r="H33" s="184">
        <v>73581</v>
      </c>
      <c r="I33" s="1002">
        <v>20874</v>
      </c>
      <c r="J33" s="140">
        <v>217</v>
      </c>
      <c r="K33" s="141">
        <v>-192</v>
      </c>
      <c r="L33" s="141">
        <v>223</v>
      </c>
      <c r="M33" s="141">
        <v>186</v>
      </c>
      <c r="N33" s="142">
        <v>0.19135127508729852</v>
      </c>
      <c r="O33" s="142">
        <v>-1.1704462326261889</v>
      </c>
      <c r="P33" s="142">
        <v>0.30306736793465705</v>
      </c>
      <c r="Q33" s="144">
        <v>0.89106064961195741</v>
      </c>
      <c r="R33" s="145">
        <v>14.6</v>
      </c>
      <c r="S33" s="145">
        <v>66.400000000000006</v>
      </c>
      <c r="T33" s="146">
        <v>19</v>
      </c>
      <c r="U33" s="152">
        <v>43.32</v>
      </c>
      <c r="V33" s="148">
        <v>129.9</v>
      </c>
      <c r="W33" s="147"/>
    </row>
    <row r="34" spans="1:23" ht="12.75" customHeight="1">
      <c r="A34" s="151" t="s">
        <v>361</v>
      </c>
      <c r="B34" s="141">
        <v>87273</v>
      </c>
      <c r="C34" s="141">
        <v>11576</v>
      </c>
      <c r="D34" s="141">
        <v>54408</v>
      </c>
      <c r="E34" s="858">
        <v>18841</v>
      </c>
      <c r="F34" s="183">
        <v>87498</v>
      </c>
      <c r="G34" s="184">
        <v>11774</v>
      </c>
      <c r="H34" s="184">
        <v>54600</v>
      </c>
      <c r="I34" s="1002">
        <v>18676</v>
      </c>
      <c r="J34" s="140">
        <v>-225</v>
      </c>
      <c r="K34" s="141">
        <v>-198</v>
      </c>
      <c r="L34" s="141">
        <v>-192</v>
      </c>
      <c r="M34" s="141">
        <v>165</v>
      </c>
      <c r="N34" s="142">
        <v>-0.25714873482822465</v>
      </c>
      <c r="O34" s="142">
        <v>-1.6816714795311705</v>
      </c>
      <c r="P34" s="142">
        <v>-0.35164835164835162</v>
      </c>
      <c r="Q34" s="144">
        <v>0.88348682801456424</v>
      </c>
      <c r="R34" s="145">
        <v>13.6</v>
      </c>
      <c r="S34" s="145">
        <v>64.099999999999994</v>
      </c>
      <c r="T34" s="146">
        <v>22.2</v>
      </c>
      <c r="U34" s="152">
        <v>44.85</v>
      </c>
      <c r="V34" s="148">
        <v>162.80000000000001</v>
      </c>
      <c r="W34" s="147"/>
    </row>
    <row r="35" spans="1:23" ht="9" customHeight="1">
      <c r="A35" s="179"/>
      <c r="B35" s="141"/>
      <c r="C35" s="141"/>
      <c r="D35" s="141"/>
      <c r="E35" s="858"/>
      <c r="F35" s="180"/>
      <c r="G35" s="181"/>
      <c r="H35" s="181"/>
      <c r="I35" s="1004"/>
      <c r="J35" s="140"/>
      <c r="K35" s="141"/>
      <c r="L35" s="141"/>
      <c r="M35" s="141"/>
      <c r="N35" s="142"/>
      <c r="O35" s="143"/>
      <c r="P35" s="143"/>
      <c r="Q35" s="144"/>
      <c r="R35" s="145"/>
      <c r="S35" s="145"/>
      <c r="T35" s="146"/>
      <c r="U35" s="182"/>
      <c r="V35" s="148"/>
      <c r="W35" s="147"/>
    </row>
    <row r="36" spans="1:23" ht="12.75" customHeight="1">
      <c r="A36" s="206" t="s">
        <v>362</v>
      </c>
      <c r="B36" s="138">
        <v>333408</v>
      </c>
      <c r="C36" s="138">
        <v>36796</v>
      </c>
      <c r="D36" s="138">
        <v>198174</v>
      </c>
      <c r="E36" s="857">
        <v>96508</v>
      </c>
      <c r="F36" s="177">
        <v>336066</v>
      </c>
      <c r="G36" s="178">
        <v>37676</v>
      </c>
      <c r="H36" s="178">
        <v>199527</v>
      </c>
      <c r="I36" s="1003">
        <v>96933</v>
      </c>
      <c r="J36" s="137">
        <v>-2658</v>
      </c>
      <c r="K36" s="138">
        <v>-880</v>
      </c>
      <c r="L36" s="138">
        <v>-1353</v>
      </c>
      <c r="M36" s="138">
        <v>-425</v>
      </c>
      <c r="N36" s="615">
        <v>-0.79091607005766729</v>
      </c>
      <c r="O36" s="615">
        <v>-2.3357044272215735</v>
      </c>
      <c r="P36" s="615">
        <v>-0.67810371528665292</v>
      </c>
      <c r="Q36" s="616">
        <v>-0.43844717485273332</v>
      </c>
      <c r="R36" s="600">
        <v>11.1</v>
      </c>
      <c r="S36" s="600">
        <v>59.8</v>
      </c>
      <c r="T36" s="601">
        <v>29.1</v>
      </c>
      <c r="U36" s="617">
        <v>48.54</v>
      </c>
      <c r="V36" s="618">
        <v>262.3</v>
      </c>
      <c r="W36" s="139"/>
    </row>
    <row r="37" spans="1:23" ht="12.75" customHeight="1">
      <c r="A37" s="179" t="s">
        <v>363</v>
      </c>
      <c r="B37" s="141">
        <v>190994</v>
      </c>
      <c r="C37" s="141">
        <v>19976</v>
      </c>
      <c r="D37" s="141">
        <v>115669</v>
      </c>
      <c r="E37" s="858">
        <v>54915</v>
      </c>
      <c r="F37" s="183">
        <v>193200</v>
      </c>
      <c r="G37" s="184">
        <v>20696</v>
      </c>
      <c r="H37" s="184">
        <v>116973</v>
      </c>
      <c r="I37" s="1002">
        <v>55097</v>
      </c>
      <c r="J37" s="140">
        <v>-2206</v>
      </c>
      <c r="K37" s="141">
        <v>-720</v>
      </c>
      <c r="L37" s="141">
        <v>-1304</v>
      </c>
      <c r="M37" s="141">
        <v>-182</v>
      </c>
      <c r="N37" s="142">
        <v>-1.1418219461697723</v>
      </c>
      <c r="O37" s="142">
        <v>-3.4789331271743329</v>
      </c>
      <c r="P37" s="142">
        <v>-1.1147871731083241</v>
      </c>
      <c r="Q37" s="144">
        <v>-0.33032651505526617</v>
      </c>
      <c r="R37" s="145">
        <v>10.5</v>
      </c>
      <c r="S37" s="145">
        <v>60.7</v>
      </c>
      <c r="T37" s="146">
        <v>28.8</v>
      </c>
      <c r="U37" s="152">
        <v>48.05</v>
      </c>
      <c r="V37" s="148">
        <v>274.89999999999998</v>
      </c>
      <c r="W37" s="147"/>
    </row>
    <row r="38" spans="1:23" ht="12.75" customHeight="1">
      <c r="A38" s="179" t="s">
        <v>364</v>
      </c>
      <c r="B38" s="141">
        <v>81089</v>
      </c>
      <c r="C38" s="141">
        <v>9860</v>
      </c>
      <c r="D38" s="141">
        <v>48454</v>
      </c>
      <c r="E38" s="858">
        <v>22405</v>
      </c>
      <c r="F38" s="183">
        <v>81101</v>
      </c>
      <c r="G38" s="184">
        <v>9917</v>
      </c>
      <c r="H38" s="184">
        <v>48340</v>
      </c>
      <c r="I38" s="1002">
        <v>22474</v>
      </c>
      <c r="J38" s="140">
        <v>-12</v>
      </c>
      <c r="K38" s="141">
        <v>-57</v>
      </c>
      <c r="L38" s="141">
        <v>114</v>
      </c>
      <c r="M38" s="141">
        <v>-69</v>
      </c>
      <c r="N38" s="142">
        <v>-1.47963650263252E-2</v>
      </c>
      <c r="O38" s="142">
        <v>-0.57477059594635471</v>
      </c>
      <c r="P38" s="142">
        <v>0.23582954075299956</v>
      </c>
      <c r="Q38" s="144">
        <v>-0.30702144700542849</v>
      </c>
      <c r="R38" s="145">
        <v>12.2</v>
      </c>
      <c r="S38" s="145">
        <v>60</v>
      </c>
      <c r="T38" s="146">
        <v>27.8</v>
      </c>
      <c r="U38" s="152">
        <v>48.47</v>
      </c>
      <c r="V38" s="148">
        <v>227.2</v>
      </c>
      <c r="W38" s="147"/>
    </row>
    <row r="39" spans="1:23" ht="12.75" customHeight="1">
      <c r="A39" s="179" t="s">
        <v>365</v>
      </c>
      <c r="B39" s="141">
        <v>26654</v>
      </c>
      <c r="C39" s="141">
        <v>3200</v>
      </c>
      <c r="D39" s="141">
        <v>15171</v>
      </c>
      <c r="E39" s="858">
        <v>7505</v>
      </c>
      <c r="F39" s="183">
        <v>26733</v>
      </c>
      <c r="G39" s="184">
        <v>3239</v>
      </c>
      <c r="H39" s="184">
        <v>15119</v>
      </c>
      <c r="I39" s="1002">
        <v>7597</v>
      </c>
      <c r="J39" s="140">
        <v>-79</v>
      </c>
      <c r="K39" s="141">
        <v>-39</v>
      </c>
      <c r="L39" s="141">
        <v>52</v>
      </c>
      <c r="M39" s="141">
        <v>-92</v>
      </c>
      <c r="N39" s="142">
        <v>-0.29551490666965918</v>
      </c>
      <c r="O39" s="142">
        <v>-1.2040753318925594</v>
      </c>
      <c r="P39" s="142">
        <v>0.34393809114359414</v>
      </c>
      <c r="Q39" s="144">
        <v>-1.2110043438199289</v>
      </c>
      <c r="R39" s="145">
        <v>12.4</v>
      </c>
      <c r="S39" s="145">
        <v>58.6</v>
      </c>
      <c r="T39" s="146">
        <v>29</v>
      </c>
      <c r="U39" s="152">
        <v>49.01</v>
      </c>
      <c r="V39" s="148">
        <v>234.5</v>
      </c>
      <c r="W39" s="147"/>
    </row>
    <row r="40" spans="1:23" ht="12.75" customHeight="1">
      <c r="A40" s="179" t="s">
        <v>366</v>
      </c>
      <c r="B40" s="141">
        <v>19799</v>
      </c>
      <c r="C40" s="141">
        <v>1715</v>
      </c>
      <c r="D40" s="141">
        <v>10617</v>
      </c>
      <c r="E40" s="858">
        <v>7399</v>
      </c>
      <c r="F40" s="183">
        <v>20110</v>
      </c>
      <c r="G40" s="184">
        <v>1771</v>
      </c>
      <c r="H40" s="184">
        <v>10801</v>
      </c>
      <c r="I40" s="1002">
        <v>7470</v>
      </c>
      <c r="J40" s="140">
        <v>-311</v>
      </c>
      <c r="K40" s="141">
        <v>-56</v>
      </c>
      <c r="L40" s="141">
        <v>-184</v>
      </c>
      <c r="M40" s="141">
        <v>-71</v>
      </c>
      <c r="N40" s="142">
        <v>-1.546494281452014</v>
      </c>
      <c r="O40" s="142">
        <v>-3.1620553359683794</v>
      </c>
      <c r="P40" s="142">
        <v>-1.7035459679659291</v>
      </c>
      <c r="Q40" s="144">
        <v>-0.95046854082998666</v>
      </c>
      <c r="R40" s="145">
        <v>8.6999999999999993</v>
      </c>
      <c r="S40" s="145">
        <v>53.8</v>
      </c>
      <c r="T40" s="146">
        <v>37.5</v>
      </c>
      <c r="U40" s="152">
        <v>52.74</v>
      </c>
      <c r="V40" s="148">
        <v>431.4</v>
      </c>
      <c r="W40" s="147"/>
    </row>
    <row r="41" spans="1:23" ht="12.75" customHeight="1">
      <c r="A41" s="179" t="s">
        <v>367</v>
      </c>
      <c r="B41" s="141">
        <v>14872</v>
      </c>
      <c r="C41" s="141">
        <v>2045</v>
      </c>
      <c r="D41" s="141">
        <v>8263</v>
      </c>
      <c r="E41" s="858">
        <v>4284</v>
      </c>
      <c r="F41" s="183">
        <v>14922</v>
      </c>
      <c r="G41" s="184">
        <v>2053</v>
      </c>
      <c r="H41" s="184">
        <v>8294</v>
      </c>
      <c r="I41" s="1002">
        <v>4295</v>
      </c>
      <c r="J41" s="140">
        <v>-50</v>
      </c>
      <c r="K41" s="141">
        <v>-8</v>
      </c>
      <c r="L41" s="141">
        <v>-31</v>
      </c>
      <c r="M41" s="141">
        <v>-11</v>
      </c>
      <c r="N41" s="142">
        <v>-0.33507572711432781</v>
      </c>
      <c r="O41" s="142">
        <v>-0.38967364831953238</v>
      </c>
      <c r="P41" s="142">
        <v>-0.3737641668676151</v>
      </c>
      <c r="Q41" s="144">
        <v>-0.25611175785797441</v>
      </c>
      <c r="R41" s="145">
        <v>14</v>
      </c>
      <c r="S41" s="145">
        <v>56.6</v>
      </c>
      <c r="T41" s="146">
        <v>29.4</v>
      </c>
      <c r="U41" s="152">
        <v>48.81</v>
      </c>
      <c r="V41" s="148">
        <v>209.5</v>
      </c>
      <c r="W41" s="147"/>
    </row>
    <row r="42" spans="1:23" ht="9" customHeight="1">
      <c r="A42" s="179"/>
      <c r="B42" s="141"/>
      <c r="C42" s="141"/>
      <c r="D42" s="141"/>
      <c r="E42" s="858"/>
      <c r="F42" s="180"/>
      <c r="G42" s="181"/>
      <c r="H42" s="181"/>
      <c r="I42" s="1004"/>
      <c r="J42" s="140"/>
      <c r="K42" s="141"/>
      <c r="L42" s="141"/>
      <c r="M42" s="141"/>
      <c r="N42" s="142"/>
      <c r="O42" s="143"/>
      <c r="P42" s="143"/>
      <c r="Q42" s="144"/>
      <c r="R42" s="145"/>
      <c r="S42" s="145"/>
      <c r="T42" s="146"/>
      <c r="U42" s="182"/>
      <c r="V42" s="148"/>
      <c r="W42" s="147"/>
    </row>
    <row r="43" spans="1:23" ht="12.75" customHeight="1">
      <c r="A43" s="206" t="s">
        <v>368</v>
      </c>
      <c r="B43" s="138">
        <v>796791</v>
      </c>
      <c r="C43" s="138">
        <v>93176</v>
      </c>
      <c r="D43" s="138">
        <v>499039</v>
      </c>
      <c r="E43" s="857">
        <v>184078</v>
      </c>
      <c r="F43" s="177">
        <v>796877</v>
      </c>
      <c r="G43" s="178">
        <v>94657</v>
      </c>
      <c r="H43" s="178">
        <v>498670</v>
      </c>
      <c r="I43" s="1003">
        <v>183051</v>
      </c>
      <c r="J43" s="137">
        <v>-86</v>
      </c>
      <c r="K43" s="138">
        <v>-1481</v>
      </c>
      <c r="L43" s="138">
        <v>369</v>
      </c>
      <c r="M43" s="138">
        <v>1027</v>
      </c>
      <c r="N43" s="615">
        <v>-1.0792129776615462E-2</v>
      </c>
      <c r="O43" s="615">
        <v>-1.5645963848421141</v>
      </c>
      <c r="P43" s="615">
        <v>7.3996831571981475E-2</v>
      </c>
      <c r="Q43" s="616">
        <v>0.56104582875810571</v>
      </c>
      <c r="R43" s="600">
        <v>12</v>
      </c>
      <c r="S43" s="600">
        <v>64.3</v>
      </c>
      <c r="T43" s="601">
        <v>23.7</v>
      </c>
      <c r="U43" s="617">
        <v>45.73</v>
      </c>
      <c r="V43" s="618">
        <v>197.6</v>
      </c>
      <c r="W43" s="139"/>
    </row>
    <row r="44" spans="1:23" ht="12.75" customHeight="1">
      <c r="A44" s="179" t="s">
        <v>369</v>
      </c>
      <c r="B44" s="141">
        <v>361887</v>
      </c>
      <c r="C44" s="624">
        <v>41296</v>
      </c>
      <c r="D44" s="624">
        <v>224568</v>
      </c>
      <c r="E44" s="860">
        <v>84476</v>
      </c>
      <c r="F44" s="183">
        <v>362179</v>
      </c>
      <c r="G44" s="184">
        <v>42123</v>
      </c>
      <c r="H44" s="184">
        <v>224683</v>
      </c>
      <c r="I44" s="1002">
        <v>83826</v>
      </c>
      <c r="J44" s="140">
        <v>-292</v>
      </c>
      <c r="K44" s="141">
        <v>-827</v>
      </c>
      <c r="L44" s="141">
        <v>-115</v>
      </c>
      <c r="M44" s="141">
        <v>650</v>
      </c>
      <c r="N44" s="142">
        <v>-8.0623117298352476E-2</v>
      </c>
      <c r="O44" s="142">
        <v>-1.9632979607340408</v>
      </c>
      <c r="P44" s="142">
        <v>-5.1183222584708227E-2</v>
      </c>
      <c r="Q44" s="144">
        <v>0.77541574213251263</v>
      </c>
      <c r="R44" s="145">
        <v>11.8</v>
      </c>
      <c r="S44" s="145">
        <v>64.099999999999994</v>
      </c>
      <c r="T44" s="146">
        <v>24.1</v>
      </c>
      <c r="U44" s="152">
        <v>46.02</v>
      </c>
      <c r="V44" s="148">
        <v>204.6</v>
      </c>
      <c r="W44" s="147"/>
    </row>
    <row r="45" spans="1:23" ht="12.75" customHeight="1">
      <c r="A45" s="151" t="s">
        <v>348</v>
      </c>
      <c r="B45" s="141">
        <v>85121</v>
      </c>
      <c r="C45" s="141">
        <v>9161</v>
      </c>
      <c r="D45" s="141">
        <v>51237</v>
      </c>
      <c r="E45" s="858">
        <v>22237</v>
      </c>
      <c r="F45" s="183">
        <v>85511</v>
      </c>
      <c r="G45" s="184">
        <v>9424</v>
      </c>
      <c r="H45" s="184">
        <v>51507</v>
      </c>
      <c r="I45" s="1002">
        <v>22094</v>
      </c>
      <c r="J45" s="140">
        <v>-390</v>
      </c>
      <c r="K45" s="141">
        <v>-263</v>
      </c>
      <c r="L45" s="141">
        <v>-270</v>
      </c>
      <c r="M45" s="141">
        <v>143</v>
      </c>
      <c r="N45" s="142">
        <v>-0.45608167370279845</v>
      </c>
      <c r="O45" s="142">
        <v>-2.7907470288624787</v>
      </c>
      <c r="P45" s="142">
        <v>-0.52420059409400666</v>
      </c>
      <c r="Q45" s="144">
        <v>0.64723454331492714</v>
      </c>
      <c r="R45" s="145">
        <v>11.1</v>
      </c>
      <c r="S45" s="145">
        <v>62</v>
      </c>
      <c r="T45" s="146">
        <v>26.9</v>
      </c>
      <c r="U45" s="152">
        <v>47.17</v>
      </c>
      <c r="V45" s="148">
        <v>242.7</v>
      </c>
      <c r="W45" s="147"/>
    </row>
    <row r="46" spans="1:23" ht="12.75" customHeight="1">
      <c r="A46" s="151" t="s">
        <v>370</v>
      </c>
      <c r="B46" s="141">
        <v>136978</v>
      </c>
      <c r="C46" s="141">
        <v>16313</v>
      </c>
      <c r="D46" s="141">
        <v>86095</v>
      </c>
      <c r="E46" s="858">
        <v>30694</v>
      </c>
      <c r="F46" s="183">
        <v>137195</v>
      </c>
      <c r="G46" s="184">
        <v>16743</v>
      </c>
      <c r="H46" s="184">
        <v>86228</v>
      </c>
      <c r="I46" s="1002">
        <v>30348</v>
      </c>
      <c r="J46" s="140">
        <v>-217</v>
      </c>
      <c r="K46" s="141">
        <v>-430</v>
      </c>
      <c r="L46" s="141">
        <v>-133</v>
      </c>
      <c r="M46" s="141">
        <v>346</v>
      </c>
      <c r="N46" s="142">
        <v>-0.15816902948358177</v>
      </c>
      <c r="O46" s="142">
        <v>-2.5682374723765156</v>
      </c>
      <c r="P46" s="142">
        <v>-0.15424224149928098</v>
      </c>
      <c r="Q46" s="144">
        <v>1.1401080796098588</v>
      </c>
      <c r="R46" s="145">
        <v>12.3</v>
      </c>
      <c r="S46" s="145">
        <v>64.7</v>
      </c>
      <c r="T46" s="146">
        <v>23.1</v>
      </c>
      <c r="U46" s="152">
        <v>45.44</v>
      </c>
      <c r="V46" s="148">
        <v>188.2</v>
      </c>
      <c r="W46" s="147"/>
    </row>
    <row r="47" spans="1:23" ht="12.75" customHeight="1">
      <c r="A47" s="151" t="s">
        <v>340</v>
      </c>
      <c r="B47" s="141">
        <v>139788</v>
      </c>
      <c r="C47" s="141">
        <v>15822</v>
      </c>
      <c r="D47" s="141">
        <v>87236</v>
      </c>
      <c r="E47" s="858">
        <v>31545</v>
      </c>
      <c r="F47" s="183">
        <v>139473</v>
      </c>
      <c r="G47" s="184">
        <v>15956</v>
      </c>
      <c r="H47" s="184">
        <v>86948</v>
      </c>
      <c r="I47" s="1002">
        <v>31384</v>
      </c>
      <c r="J47" s="140">
        <v>315</v>
      </c>
      <c r="K47" s="141">
        <v>-134</v>
      </c>
      <c r="L47" s="141">
        <v>288</v>
      </c>
      <c r="M47" s="141">
        <v>161</v>
      </c>
      <c r="N47" s="142">
        <v>0.22585016454797704</v>
      </c>
      <c r="O47" s="142">
        <v>-0.83980947605916256</v>
      </c>
      <c r="P47" s="142">
        <v>0.33123246078115653</v>
      </c>
      <c r="Q47" s="144">
        <v>0.513000254906959</v>
      </c>
      <c r="R47" s="145">
        <v>11.8</v>
      </c>
      <c r="S47" s="145">
        <v>64.8</v>
      </c>
      <c r="T47" s="146">
        <v>23.4</v>
      </c>
      <c r="U47" s="152">
        <v>45.88</v>
      </c>
      <c r="V47" s="148">
        <v>199.4</v>
      </c>
      <c r="W47" s="147"/>
    </row>
    <row r="48" spans="1:23" ht="12.75" customHeight="1">
      <c r="A48" s="179" t="s">
        <v>371</v>
      </c>
      <c r="B48" s="141">
        <v>115181</v>
      </c>
      <c r="C48" s="141">
        <v>13061</v>
      </c>
      <c r="D48" s="141">
        <v>73817</v>
      </c>
      <c r="E48" s="858">
        <v>26726</v>
      </c>
      <c r="F48" s="183">
        <v>115376</v>
      </c>
      <c r="G48" s="184">
        <v>13387</v>
      </c>
      <c r="H48" s="184">
        <v>73862</v>
      </c>
      <c r="I48" s="1002">
        <v>26550</v>
      </c>
      <c r="J48" s="140">
        <v>-195</v>
      </c>
      <c r="K48" s="141">
        <v>-326</v>
      </c>
      <c r="L48" s="141">
        <v>-45</v>
      </c>
      <c r="M48" s="141">
        <v>176</v>
      </c>
      <c r="N48" s="142">
        <v>-0.1690126196089308</v>
      </c>
      <c r="O48" s="142">
        <v>-2.4351983267348922</v>
      </c>
      <c r="P48" s="142">
        <v>-6.0924426633451573E-2</v>
      </c>
      <c r="Q48" s="144">
        <v>0.66290018832391717</v>
      </c>
      <c r="R48" s="145">
        <v>11.5</v>
      </c>
      <c r="S48" s="145">
        <v>65</v>
      </c>
      <c r="T48" s="146">
        <v>23.5</v>
      </c>
      <c r="U48" s="152">
        <v>45.53</v>
      </c>
      <c r="V48" s="148">
        <v>204.6</v>
      </c>
      <c r="W48" s="147"/>
    </row>
    <row r="49" spans="1:23" ht="12.75" customHeight="1">
      <c r="A49" s="179" t="s">
        <v>372</v>
      </c>
      <c r="B49" s="141">
        <v>120406</v>
      </c>
      <c r="C49" s="141">
        <v>14709</v>
      </c>
      <c r="D49" s="141">
        <v>76352</v>
      </c>
      <c r="E49" s="858">
        <v>25334</v>
      </c>
      <c r="F49" s="183">
        <v>119764</v>
      </c>
      <c r="G49" s="184">
        <v>14660</v>
      </c>
      <c r="H49" s="184">
        <v>75841</v>
      </c>
      <c r="I49" s="1002">
        <v>25252</v>
      </c>
      <c r="J49" s="140">
        <v>642</v>
      </c>
      <c r="K49" s="141">
        <v>49</v>
      </c>
      <c r="L49" s="141">
        <v>511</v>
      </c>
      <c r="M49" s="141">
        <v>82</v>
      </c>
      <c r="N49" s="142">
        <v>0.53605424000534385</v>
      </c>
      <c r="O49" s="142">
        <v>0.3342428376534789</v>
      </c>
      <c r="P49" s="142">
        <v>0.67377803562716732</v>
      </c>
      <c r="Q49" s="144">
        <v>0.32472675431648979</v>
      </c>
      <c r="R49" s="145">
        <v>12.6</v>
      </c>
      <c r="S49" s="145">
        <v>65.599999999999994</v>
      </c>
      <c r="T49" s="146">
        <v>21.8</v>
      </c>
      <c r="U49" s="152">
        <v>44.87</v>
      </c>
      <c r="V49" s="148">
        <v>172.2</v>
      </c>
      <c r="W49" s="147"/>
    </row>
    <row r="50" spans="1:23" ht="12.75" customHeight="1">
      <c r="A50" s="179" t="s">
        <v>373</v>
      </c>
      <c r="B50" s="141">
        <v>69092</v>
      </c>
      <c r="C50" s="141">
        <v>8946</v>
      </c>
      <c r="D50" s="141">
        <v>43463</v>
      </c>
      <c r="E50" s="858">
        <v>15493</v>
      </c>
      <c r="F50" s="183">
        <v>68655</v>
      </c>
      <c r="G50" s="184">
        <v>9055</v>
      </c>
      <c r="H50" s="184">
        <v>42999</v>
      </c>
      <c r="I50" s="1002">
        <v>15411</v>
      </c>
      <c r="J50" s="140">
        <v>437</v>
      </c>
      <c r="K50" s="141">
        <v>-109</v>
      </c>
      <c r="L50" s="141">
        <v>464</v>
      </c>
      <c r="M50" s="141">
        <v>82</v>
      </c>
      <c r="N50" s="142">
        <v>0.63651591289782239</v>
      </c>
      <c r="O50" s="142">
        <v>-1.2037548315847599</v>
      </c>
      <c r="P50" s="142">
        <v>1.0790948626712249</v>
      </c>
      <c r="Q50" s="144">
        <v>0.53208746998896894</v>
      </c>
      <c r="R50" s="145">
        <v>13.2</v>
      </c>
      <c r="S50" s="145">
        <v>64</v>
      </c>
      <c r="T50" s="146">
        <v>22.8</v>
      </c>
      <c r="U50" s="152">
        <v>44.82</v>
      </c>
      <c r="V50" s="148">
        <v>173.2</v>
      </c>
      <c r="W50" s="147"/>
    </row>
    <row r="51" spans="1:23" ht="12.75" customHeight="1">
      <c r="A51" s="179" t="s">
        <v>374</v>
      </c>
      <c r="B51" s="141">
        <v>65822</v>
      </c>
      <c r="C51" s="141">
        <v>7490</v>
      </c>
      <c r="D51" s="141">
        <v>41677</v>
      </c>
      <c r="E51" s="858">
        <v>15194</v>
      </c>
      <c r="F51" s="183">
        <v>66036</v>
      </c>
      <c r="G51" s="184">
        <v>7595</v>
      </c>
      <c r="H51" s="184">
        <v>41745</v>
      </c>
      <c r="I51" s="1002">
        <v>15235</v>
      </c>
      <c r="J51" s="140">
        <v>-214</v>
      </c>
      <c r="K51" s="141">
        <v>-105</v>
      </c>
      <c r="L51" s="141">
        <v>-68</v>
      </c>
      <c r="M51" s="141">
        <v>-41</v>
      </c>
      <c r="N51" s="142">
        <v>-0.32406566115452179</v>
      </c>
      <c r="O51" s="142">
        <v>-1.3824884792626728</v>
      </c>
      <c r="P51" s="142">
        <v>-0.16289375973170439</v>
      </c>
      <c r="Q51" s="144">
        <v>-0.26911716442402361</v>
      </c>
      <c r="R51" s="145">
        <v>11.6</v>
      </c>
      <c r="S51" s="145">
        <v>64.8</v>
      </c>
      <c r="T51" s="146">
        <v>23.6</v>
      </c>
      <c r="U51" s="152">
        <v>46.1</v>
      </c>
      <c r="V51" s="148">
        <v>202.9</v>
      </c>
      <c r="W51" s="147"/>
    </row>
    <row r="52" spans="1:23" ht="12.75" customHeight="1">
      <c r="A52" s="179" t="s">
        <v>375</v>
      </c>
      <c r="B52" s="141">
        <v>42175</v>
      </c>
      <c r="C52" s="141">
        <v>5422</v>
      </c>
      <c r="D52" s="141">
        <v>25778</v>
      </c>
      <c r="E52" s="858">
        <v>10560</v>
      </c>
      <c r="F52" s="183">
        <v>42492</v>
      </c>
      <c r="G52" s="184">
        <v>5517</v>
      </c>
      <c r="H52" s="184">
        <v>26016</v>
      </c>
      <c r="I52" s="1002">
        <v>10544</v>
      </c>
      <c r="J52" s="140">
        <v>-317</v>
      </c>
      <c r="K52" s="141">
        <v>-95</v>
      </c>
      <c r="L52" s="141">
        <v>-238</v>
      </c>
      <c r="M52" s="141">
        <v>16</v>
      </c>
      <c r="N52" s="142">
        <v>-0.74602278075873107</v>
      </c>
      <c r="O52" s="142">
        <v>-1.7219503353271703</v>
      </c>
      <c r="P52" s="142">
        <v>-0.91482164821648204</v>
      </c>
      <c r="Q52" s="144">
        <v>0.15174506828528073</v>
      </c>
      <c r="R52" s="145">
        <v>13</v>
      </c>
      <c r="S52" s="145">
        <v>61.7</v>
      </c>
      <c r="T52" s="146">
        <v>25.3</v>
      </c>
      <c r="U52" s="152">
        <v>45.98</v>
      </c>
      <c r="V52" s="148">
        <v>194.8</v>
      </c>
      <c r="W52" s="147"/>
    </row>
    <row r="53" spans="1:23" ht="12.75" customHeight="1">
      <c r="A53" s="179" t="s">
        <v>376</v>
      </c>
      <c r="B53" s="141">
        <v>20692</v>
      </c>
      <c r="C53" s="141">
        <v>2113</v>
      </c>
      <c r="D53" s="141">
        <v>12543</v>
      </c>
      <c r="E53" s="858">
        <v>5739</v>
      </c>
      <c r="F53" s="183">
        <v>20827</v>
      </c>
      <c r="G53" s="184">
        <v>2174</v>
      </c>
      <c r="H53" s="184">
        <v>12667</v>
      </c>
      <c r="I53" s="1002">
        <v>5689</v>
      </c>
      <c r="J53" s="140">
        <v>-135</v>
      </c>
      <c r="K53" s="141">
        <v>-61</v>
      </c>
      <c r="L53" s="141">
        <v>-124</v>
      </c>
      <c r="M53" s="141">
        <v>50</v>
      </c>
      <c r="N53" s="142">
        <v>-0.64819705190377874</v>
      </c>
      <c r="O53" s="142">
        <v>-2.8058877644894205</v>
      </c>
      <c r="P53" s="142">
        <v>-0.97892160732612299</v>
      </c>
      <c r="Q53" s="144">
        <v>0.87888908419757428</v>
      </c>
      <c r="R53" s="145">
        <v>10.4</v>
      </c>
      <c r="S53" s="145">
        <v>61.5</v>
      </c>
      <c r="T53" s="146">
        <v>28.1</v>
      </c>
      <c r="U53" s="152">
        <v>47.83</v>
      </c>
      <c r="V53" s="148">
        <v>271.60000000000002</v>
      </c>
      <c r="W53" s="147"/>
    </row>
    <row r="54" spans="1:23" ht="12.75" customHeight="1">
      <c r="A54" s="179" t="s">
        <v>377</v>
      </c>
      <c r="B54" s="141">
        <v>1536</v>
      </c>
      <c r="C54" s="141">
        <v>139</v>
      </c>
      <c r="D54" s="141">
        <v>841</v>
      </c>
      <c r="E54" s="858">
        <v>556</v>
      </c>
      <c r="F54" s="183">
        <v>1548</v>
      </c>
      <c r="G54" s="184">
        <v>146</v>
      </c>
      <c r="H54" s="184">
        <v>857</v>
      </c>
      <c r="I54" s="1002">
        <v>544</v>
      </c>
      <c r="J54" s="140">
        <v>-12</v>
      </c>
      <c r="K54" s="141">
        <v>-7</v>
      </c>
      <c r="L54" s="141">
        <v>-16</v>
      </c>
      <c r="M54" s="141">
        <v>12</v>
      </c>
      <c r="N54" s="142">
        <v>-0.77519379844961245</v>
      </c>
      <c r="O54" s="142">
        <v>-4.7945205479452051</v>
      </c>
      <c r="P54" s="142">
        <v>-1.8669778296382729</v>
      </c>
      <c r="Q54" s="144">
        <v>2.2058823529411766</v>
      </c>
      <c r="R54" s="145">
        <v>9</v>
      </c>
      <c r="S54" s="145">
        <v>54.8</v>
      </c>
      <c r="T54" s="146">
        <v>36.200000000000003</v>
      </c>
      <c r="U54" s="152">
        <v>51.8</v>
      </c>
      <c r="V54" s="148">
        <v>400</v>
      </c>
      <c r="W54" s="147"/>
    </row>
    <row r="55" spans="1:23" ht="9" customHeight="1">
      <c r="A55" s="179"/>
      <c r="B55" s="141"/>
      <c r="C55" s="141"/>
      <c r="D55" s="141"/>
      <c r="E55" s="858"/>
      <c r="F55" s="180"/>
      <c r="G55" s="181"/>
      <c r="H55" s="181"/>
      <c r="I55" s="1004"/>
      <c r="J55" s="140"/>
      <c r="K55" s="141"/>
      <c r="L55" s="141"/>
      <c r="M55" s="141"/>
      <c r="N55" s="142"/>
      <c r="O55" s="143"/>
      <c r="P55" s="143"/>
      <c r="Q55" s="144"/>
      <c r="R55" s="145"/>
      <c r="S55" s="145"/>
      <c r="T55" s="146"/>
      <c r="U55" s="182"/>
      <c r="V55" s="148"/>
      <c r="W55" s="147"/>
    </row>
    <row r="56" spans="1:23" ht="12.75" customHeight="1">
      <c r="A56" s="206" t="s">
        <v>378</v>
      </c>
      <c r="B56" s="138">
        <v>650830</v>
      </c>
      <c r="C56" s="138">
        <v>80420</v>
      </c>
      <c r="D56" s="138">
        <v>399395</v>
      </c>
      <c r="E56" s="857">
        <v>158349</v>
      </c>
      <c r="F56" s="177">
        <v>649309</v>
      </c>
      <c r="G56" s="178">
        <v>81504</v>
      </c>
      <c r="H56" s="178">
        <v>397906</v>
      </c>
      <c r="I56" s="1003">
        <v>157233</v>
      </c>
      <c r="J56" s="137">
        <v>1521</v>
      </c>
      <c r="K56" s="138">
        <v>-1084</v>
      </c>
      <c r="L56" s="138">
        <v>1489</v>
      </c>
      <c r="M56" s="138">
        <v>1116</v>
      </c>
      <c r="N56" s="615">
        <v>0.23424902473244635</v>
      </c>
      <c r="O56" s="615">
        <v>-1.3299960738123282</v>
      </c>
      <c r="P56" s="615">
        <v>0.3742089840314044</v>
      </c>
      <c r="Q56" s="616">
        <v>0.70977466562362856</v>
      </c>
      <c r="R56" s="600">
        <v>12.6</v>
      </c>
      <c r="S56" s="600">
        <v>62.6</v>
      </c>
      <c r="T56" s="601">
        <v>24.8</v>
      </c>
      <c r="U56" s="617">
        <v>46.07</v>
      </c>
      <c r="V56" s="618">
        <v>196.9</v>
      </c>
      <c r="W56" s="139"/>
    </row>
    <row r="57" spans="1:23" ht="12.75" customHeight="1">
      <c r="A57" s="179" t="s">
        <v>379</v>
      </c>
      <c r="B57" s="141">
        <v>128573</v>
      </c>
      <c r="C57" s="141">
        <v>14555</v>
      </c>
      <c r="D57" s="141">
        <v>77865</v>
      </c>
      <c r="E57" s="858">
        <v>32831</v>
      </c>
      <c r="F57" s="183">
        <v>128965</v>
      </c>
      <c r="G57" s="184">
        <v>14952</v>
      </c>
      <c r="H57" s="184">
        <v>78135</v>
      </c>
      <c r="I57" s="1002">
        <v>32556</v>
      </c>
      <c r="J57" s="140">
        <v>-392</v>
      </c>
      <c r="K57" s="141">
        <v>-397</v>
      </c>
      <c r="L57" s="141">
        <v>-270</v>
      </c>
      <c r="M57" s="141">
        <v>275</v>
      </c>
      <c r="N57" s="142">
        <v>-0.30395843833598263</v>
      </c>
      <c r="O57" s="142">
        <v>-2.6551631888710543</v>
      </c>
      <c r="P57" s="142">
        <v>-0.34555576886158573</v>
      </c>
      <c r="Q57" s="144">
        <v>0.84469836589261582</v>
      </c>
      <c r="R57" s="145">
        <v>11.6</v>
      </c>
      <c r="S57" s="145">
        <v>62.2</v>
      </c>
      <c r="T57" s="146">
        <v>26.2</v>
      </c>
      <c r="U57" s="152">
        <v>46.85</v>
      </c>
      <c r="V57" s="148">
        <v>225.6</v>
      </c>
      <c r="W57" s="147"/>
    </row>
    <row r="58" spans="1:23" ht="12.75" customHeight="1">
      <c r="A58" s="179" t="s">
        <v>380</v>
      </c>
      <c r="B58" s="141">
        <v>218078</v>
      </c>
      <c r="C58" s="141">
        <v>29111</v>
      </c>
      <c r="D58" s="141">
        <v>137192</v>
      </c>
      <c r="E58" s="858">
        <v>46795</v>
      </c>
      <c r="F58" s="183">
        <v>216140</v>
      </c>
      <c r="G58" s="184">
        <v>29119</v>
      </c>
      <c r="H58" s="184">
        <v>135550</v>
      </c>
      <c r="I58" s="1002">
        <v>46491</v>
      </c>
      <c r="J58" s="140">
        <v>1938</v>
      </c>
      <c r="K58" s="141">
        <v>-8</v>
      </c>
      <c r="L58" s="141">
        <v>1642</v>
      </c>
      <c r="M58" s="141">
        <v>304</v>
      </c>
      <c r="N58" s="142">
        <v>0.89664106597575643</v>
      </c>
      <c r="O58" s="142">
        <v>-2.7473470929633575E-2</v>
      </c>
      <c r="P58" s="142">
        <v>1.2113611213574327</v>
      </c>
      <c r="Q58" s="144">
        <v>0.65389000021509547</v>
      </c>
      <c r="R58" s="145">
        <v>13.7</v>
      </c>
      <c r="S58" s="145">
        <v>64.400000000000006</v>
      </c>
      <c r="T58" s="146">
        <v>22</v>
      </c>
      <c r="U58" s="152">
        <v>44.66</v>
      </c>
      <c r="V58" s="148">
        <v>160.69999999999999</v>
      </c>
      <c r="W58" s="147"/>
    </row>
    <row r="59" spans="1:23" ht="12.75" customHeight="1">
      <c r="A59" s="179" t="s">
        <v>381</v>
      </c>
      <c r="B59" s="141">
        <v>118155</v>
      </c>
      <c r="C59" s="141">
        <v>15672</v>
      </c>
      <c r="D59" s="141">
        <v>72598</v>
      </c>
      <c r="E59" s="858">
        <v>28649</v>
      </c>
      <c r="F59" s="183">
        <v>117594</v>
      </c>
      <c r="G59" s="184">
        <v>15804</v>
      </c>
      <c r="H59" s="184">
        <v>72056</v>
      </c>
      <c r="I59" s="1002">
        <v>28498</v>
      </c>
      <c r="J59" s="140">
        <v>561</v>
      </c>
      <c r="K59" s="141">
        <v>-132</v>
      </c>
      <c r="L59" s="141">
        <v>542</v>
      </c>
      <c r="M59" s="141">
        <v>151</v>
      </c>
      <c r="N59" s="142">
        <v>0.47706515638552993</v>
      </c>
      <c r="O59" s="142">
        <v>-0.8352315869400152</v>
      </c>
      <c r="P59" s="142">
        <v>0.75219273898079275</v>
      </c>
      <c r="Q59" s="144">
        <v>0.52986174468383751</v>
      </c>
      <c r="R59" s="145">
        <v>13.4</v>
      </c>
      <c r="S59" s="145">
        <v>62.1</v>
      </c>
      <c r="T59" s="146">
        <v>24.5</v>
      </c>
      <c r="U59" s="152">
        <v>46.11</v>
      </c>
      <c r="V59" s="148">
        <v>182.8</v>
      </c>
      <c r="W59" s="147"/>
    </row>
    <row r="60" spans="1:23" ht="12.75" customHeight="1">
      <c r="A60" s="179" t="s">
        <v>382</v>
      </c>
      <c r="B60" s="141">
        <v>81810</v>
      </c>
      <c r="C60" s="141">
        <v>8972</v>
      </c>
      <c r="D60" s="141">
        <v>48545</v>
      </c>
      <c r="E60" s="858">
        <v>22479</v>
      </c>
      <c r="F60" s="183">
        <v>82103</v>
      </c>
      <c r="G60" s="184">
        <v>9213</v>
      </c>
      <c r="H60" s="184">
        <v>48844</v>
      </c>
      <c r="I60" s="1002">
        <v>22232</v>
      </c>
      <c r="J60" s="140">
        <v>-293</v>
      </c>
      <c r="K60" s="141">
        <v>-241</v>
      </c>
      <c r="L60" s="141">
        <v>-299</v>
      </c>
      <c r="M60" s="141">
        <v>247</v>
      </c>
      <c r="N60" s="142">
        <v>-0.3568688111274862</v>
      </c>
      <c r="O60" s="142">
        <v>-2.615868880929122</v>
      </c>
      <c r="P60" s="142">
        <v>-0.61215297682417491</v>
      </c>
      <c r="Q60" s="144">
        <v>1.1110111550917596</v>
      </c>
      <c r="R60" s="145">
        <v>11.2</v>
      </c>
      <c r="S60" s="145">
        <v>60.7</v>
      </c>
      <c r="T60" s="146">
        <v>28.1</v>
      </c>
      <c r="U60" s="152">
        <v>47.32</v>
      </c>
      <c r="V60" s="148">
        <v>250.5</v>
      </c>
      <c r="W60" s="147"/>
    </row>
    <row r="61" spans="1:23" ht="12.75" customHeight="1">
      <c r="A61" s="179" t="s">
        <v>383</v>
      </c>
      <c r="B61" s="141">
        <v>51115</v>
      </c>
      <c r="C61" s="141">
        <v>5729</v>
      </c>
      <c r="D61" s="141">
        <v>32243</v>
      </c>
      <c r="E61" s="858">
        <v>12244</v>
      </c>
      <c r="F61" s="183">
        <v>51344</v>
      </c>
      <c r="G61" s="184">
        <v>5905</v>
      </c>
      <c r="H61" s="184">
        <v>32379</v>
      </c>
      <c r="I61" s="1002">
        <v>12161</v>
      </c>
      <c r="J61" s="140">
        <v>-229</v>
      </c>
      <c r="K61" s="141">
        <v>-176</v>
      </c>
      <c r="L61" s="141">
        <v>-136</v>
      </c>
      <c r="M61" s="141">
        <v>83</v>
      </c>
      <c r="N61" s="142">
        <v>-0.4460112184481147</v>
      </c>
      <c r="O61" s="142">
        <v>-2.9805249788314989</v>
      </c>
      <c r="P61" s="142">
        <v>-0.4200253250563637</v>
      </c>
      <c r="Q61" s="144">
        <v>0.68250966203437213</v>
      </c>
      <c r="R61" s="145">
        <v>11.4</v>
      </c>
      <c r="S61" s="145">
        <v>64.2</v>
      </c>
      <c r="T61" s="146">
        <v>24.4</v>
      </c>
      <c r="U61" s="152">
        <v>45.84</v>
      </c>
      <c r="V61" s="148">
        <v>213.7</v>
      </c>
      <c r="W61" s="147"/>
    </row>
    <row r="62" spans="1:23" ht="12.75" customHeight="1">
      <c r="A62" s="179" t="s">
        <v>384</v>
      </c>
      <c r="B62" s="141">
        <v>24595</v>
      </c>
      <c r="C62" s="141">
        <v>3173</v>
      </c>
      <c r="D62" s="141">
        <v>14984</v>
      </c>
      <c r="E62" s="858">
        <v>6109</v>
      </c>
      <c r="F62" s="183">
        <v>24491</v>
      </c>
      <c r="G62" s="184">
        <v>3204</v>
      </c>
      <c r="H62" s="184">
        <v>14870</v>
      </c>
      <c r="I62" s="1002">
        <v>6088</v>
      </c>
      <c r="J62" s="140">
        <v>104</v>
      </c>
      <c r="K62" s="141">
        <v>-31</v>
      </c>
      <c r="L62" s="141">
        <v>114</v>
      </c>
      <c r="M62" s="141">
        <v>21</v>
      </c>
      <c r="N62" s="142">
        <v>0.42464578824874444</v>
      </c>
      <c r="O62" s="142">
        <v>-0.96754057428214724</v>
      </c>
      <c r="P62" s="142">
        <v>0.76664425016812376</v>
      </c>
      <c r="Q62" s="144">
        <v>0.34494086727989487</v>
      </c>
      <c r="R62" s="145">
        <v>13.1</v>
      </c>
      <c r="S62" s="145">
        <v>61.7</v>
      </c>
      <c r="T62" s="146">
        <v>25.2</v>
      </c>
      <c r="U62" s="152">
        <v>45.77</v>
      </c>
      <c r="V62" s="148">
        <v>192.5</v>
      </c>
      <c r="W62" s="147"/>
    </row>
    <row r="63" spans="1:23" ht="12.75" customHeight="1">
      <c r="A63" s="179" t="s">
        <v>385</v>
      </c>
      <c r="B63" s="141">
        <v>15342</v>
      </c>
      <c r="C63" s="141">
        <v>1788</v>
      </c>
      <c r="D63" s="141">
        <v>8642</v>
      </c>
      <c r="E63" s="858">
        <v>4897</v>
      </c>
      <c r="F63" s="183">
        <v>15441</v>
      </c>
      <c r="G63" s="184">
        <v>1858</v>
      </c>
      <c r="H63" s="184">
        <v>8697</v>
      </c>
      <c r="I63" s="1002">
        <v>4871</v>
      </c>
      <c r="J63" s="140">
        <v>-99</v>
      </c>
      <c r="K63" s="141">
        <v>-70</v>
      </c>
      <c r="L63" s="141">
        <v>-55</v>
      </c>
      <c r="M63" s="141">
        <v>26</v>
      </c>
      <c r="N63" s="142">
        <v>-0.64115018457353801</v>
      </c>
      <c r="O63" s="142">
        <v>-3.767491926803014</v>
      </c>
      <c r="P63" s="142">
        <v>-0.63240197769345752</v>
      </c>
      <c r="Q63" s="144">
        <v>0.53377129952781777</v>
      </c>
      <c r="R63" s="145">
        <v>11.7</v>
      </c>
      <c r="S63" s="145">
        <v>56.4</v>
      </c>
      <c r="T63" s="146">
        <v>32</v>
      </c>
      <c r="U63" s="152">
        <v>49.97</v>
      </c>
      <c r="V63" s="148">
        <v>273.89999999999998</v>
      </c>
      <c r="W63" s="147"/>
    </row>
    <row r="64" spans="1:23" ht="12.75" customHeight="1">
      <c r="A64" s="179" t="s">
        <v>386</v>
      </c>
      <c r="B64" s="141">
        <v>13162</v>
      </c>
      <c r="C64" s="141">
        <v>1420</v>
      </c>
      <c r="D64" s="141">
        <v>7326</v>
      </c>
      <c r="E64" s="858">
        <v>4345</v>
      </c>
      <c r="F64" s="183">
        <v>13231</v>
      </c>
      <c r="G64" s="184">
        <v>1449</v>
      </c>
      <c r="H64" s="184">
        <v>7375</v>
      </c>
      <c r="I64" s="1002">
        <v>4336</v>
      </c>
      <c r="J64" s="140">
        <v>-69</v>
      </c>
      <c r="K64" s="141">
        <v>-29</v>
      </c>
      <c r="L64" s="141">
        <v>-49</v>
      </c>
      <c r="M64" s="141">
        <v>9</v>
      </c>
      <c r="N64" s="142">
        <v>-0.52150253193258256</v>
      </c>
      <c r="O64" s="142">
        <v>-2.0013802622498278</v>
      </c>
      <c r="P64" s="142">
        <v>-0.66440677966101691</v>
      </c>
      <c r="Q64" s="144">
        <v>0.20756457564575648</v>
      </c>
      <c r="R64" s="145">
        <v>10.8</v>
      </c>
      <c r="S64" s="145">
        <v>56</v>
      </c>
      <c r="T64" s="146">
        <v>33.200000000000003</v>
      </c>
      <c r="U64" s="152">
        <v>50.7</v>
      </c>
      <c r="V64" s="148">
        <v>306</v>
      </c>
      <c r="W64" s="147"/>
    </row>
    <row r="65" spans="1:23" ht="9" customHeight="1">
      <c r="A65" s="179"/>
      <c r="B65" s="141"/>
      <c r="C65" s="141"/>
      <c r="D65" s="141"/>
      <c r="E65" s="858"/>
      <c r="F65" s="180"/>
      <c r="G65" s="181"/>
      <c r="H65" s="181"/>
      <c r="I65" s="1004"/>
      <c r="J65" s="140"/>
      <c r="K65" s="141"/>
      <c r="L65" s="141"/>
      <c r="M65" s="141"/>
      <c r="N65" s="142"/>
      <c r="O65" s="143"/>
      <c r="P65" s="143"/>
      <c r="Q65" s="144"/>
      <c r="R65" s="145"/>
      <c r="S65" s="145"/>
      <c r="T65" s="146"/>
      <c r="U65" s="182"/>
      <c r="V65" s="148"/>
      <c r="W65" s="147"/>
    </row>
    <row r="66" spans="1:23" ht="12.75" customHeight="1">
      <c r="A66" s="206" t="s">
        <v>387</v>
      </c>
      <c r="B66" s="138">
        <v>161663</v>
      </c>
      <c r="C66" s="138">
        <v>17657</v>
      </c>
      <c r="D66" s="138">
        <v>94564</v>
      </c>
      <c r="E66" s="857">
        <v>47108</v>
      </c>
      <c r="F66" s="177">
        <v>162781</v>
      </c>
      <c r="G66" s="178">
        <v>18048</v>
      </c>
      <c r="H66" s="178">
        <v>95402</v>
      </c>
      <c r="I66" s="1003">
        <v>46996</v>
      </c>
      <c r="J66" s="137">
        <v>-1118</v>
      </c>
      <c r="K66" s="138">
        <v>-391</v>
      </c>
      <c r="L66" s="138">
        <v>-838</v>
      </c>
      <c r="M66" s="138">
        <v>112</v>
      </c>
      <c r="N66" s="615">
        <v>-0.6868123429638594</v>
      </c>
      <c r="O66" s="615">
        <v>-2.1664450354609932</v>
      </c>
      <c r="P66" s="615">
        <v>-0.87838829374646232</v>
      </c>
      <c r="Q66" s="616">
        <v>0.23831815473657333</v>
      </c>
      <c r="R66" s="600">
        <v>11.1</v>
      </c>
      <c r="S66" s="600">
        <v>59.4</v>
      </c>
      <c r="T66" s="601">
        <v>29.6</v>
      </c>
      <c r="U66" s="617">
        <v>48.73</v>
      </c>
      <c r="V66" s="618">
        <v>266.8</v>
      </c>
      <c r="W66" s="139"/>
    </row>
    <row r="67" spans="1:23" ht="12.75" customHeight="1">
      <c r="A67" s="179" t="s">
        <v>388</v>
      </c>
      <c r="B67" s="141">
        <v>90838</v>
      </c>
      <c r="C67" s="141">
        <v>10404</v>
      </c>
      <c r="D67" s="141">
        <v>54292</v>
      </c>
      <c r="E67" s="858">
        <v>24792</v>
      </c>
      <c r="F67" s="183">
        <v>91210</v>
      </c>
      <c r="G67" s="184">
        <v>10583</v>
      </c>
      <c r="H67" s="184">
        <v>54545</v>
      </c>
      <c r="I67" s="1002">
        <v>24732</v>
      </c>
      <c r="J67" s="140">
        <v>-372</v>
      </c>
      <c r="K67" s="141">
        <v>-179</v>
      </c>
      <c r="L67" s="141">
        <v>-253</v>
      </c>
      <c r="M67" s="141">
        <v>60</v>
      </c>
      <c r="N67" s="142">
        <v>-0.40785001644556518</v>
      </c>
      <c r="O67" s="142">
        <v>-1.6913918548615705</v>
      </c>
      <c r="P67" s="142">
        <v>-0.46383719864332201</v>
      </c>
      <c r="Q67" s="144">
        <v>0.24260067928190196</v>
      </c>
      <c r="R67" s="145">
        <v>11.6</v>
      </c>
      <c r="S67" s="145">
        <v>60.7</v>
      </c>
      <c r="T67" s="146">
        <v>27.7</v>
      </c>
      <c r="U67" s="152">
        <v>47.85</v>
      </c>
      <c r="V67" s="148">
        <v>238.3</v>
      </c>
      <c r="W67" s="147"/>
    </row>
    <row r="68" spans="1:23" ht="12.75" customHeight="1">
      <c r="A68" s="179" t="s">
        <v>389</v>
      </c>
      <c r="B68" s="141">
        <v>19732</v>
      </c>
      <c r="C68" s="141">
        <v>2174</v>
      </c>
      <c r="D68" s="141">
        <v>11361</v>
      </c>
      <c r="E68" s="858">
        <v>5996</v>
      </c>
      <c r="F68" s="183">
        <v>19944</v>
      </c>
      <c r="G68" s="184">
        <v>2265</v>
      </c>
      <c r="H68" s="184">
        <v>11478</v>
      </c>
      <c r="I68" s="1002">
        <v>6000</v>
      </c>
      <c r="J68" s="140">
        <v>-212</v>
      </c>
      <c r="K68" s="141">
        <v>-91</v>
      </c>
      <c r="L68" s="141">
        <v>-117</v>
      </c>
      <c r="M68" s="141">
        <v>-4</v>
      </c>
      <c r="N68" s="142">
        <v>-1.0629763337344564</v>
      </c>
      <c r="O68" s="142">
        <v>-4.0176600441501105</v>
      </c>
      <c r="P68" s="142">
        <v>-1.0193413486670153</v>
      </c>
      <c r="Q68" s="144">
        <v>-6.6666666666666666E-2</v>
      </c>
      <c r="R68" s="145">
        <v>11.1</v>
      </c>
      <c r="S68" s="145">
        <v>58.2</v>
      </c>
      <c r="T68" s="146">
        <v>30.7</v>
      </c>
      <c r="U68" s="152">
        <v>49.24</v>
      </c>
      <c r="V68" s="148">
        <v>275.8</v>
      </c>
      <c r="W68" s="147"/>
    </row>
    <row r="69" spans="1:23" ht="12.75" customHeight="1">
      <c r="A69" s="179" t="s">
        <v>390</v>
      </c>
      <c r="B69" s="141">
        <v>4544</v>
      </c>
      <c r="C69" s="141">
        <v>396</v>
      </c>
      <c r="D69" s="141">
        <v>2448</v>
      </c>
      <c r="E69" s="858">
        <v>1497</v>
      </c>
      <c r="F69" s="183">
        <v>4647</v>
      </c>
      <c r="G69" s="184">
        <v>402</v>
      </c>
      <c r="H69" s="184">
        <v>2541</v>
      </c>
      <c r="I69" s="1002">
        <v>1501</v>
      </c>
      <c r="J69" s="140">
        <v>-103</v>
      </c>
      <c r="K69" s="141">
        <v>-6</v>
      </c>
      <c r="L69" s="141">
        <v>-93</v>
      </c>
      <c r="M69" s="141">
        <v>-4</v>
      </c>
      <c r="N69" s="142">
        <v>-2.2164837529588985</v>
      </c>
      <c r="O69" s="142">
        <v>-1.4925373134328357</v>
      </c>
      <c r="P69" s="142">
        <v>-3.659976387249114</v>
      </c>
      <c r="Q69" s="144">
        <v>-0.26648900732844771</v>
      </c>
      <c r="R69" s="145">
        <v>9.1</v>
      </c>
      <c r="S69" s="145">
        <v>56.4</v>
      </c>
      <c r="T69" s="146">
        <v>34.5</v>
      </c>
      <c r="U69" s="152">
        <v>50.77</v>
      </c>
      <c r="V69" s="148">
        <v>378</v>
      </c>
      <c r="W69" s="147"/>
    </row>
    <row r="70" spans="1:23" ht="12.75" customHeight="1">
      <c r="A70" s="179" t="s">
        <v>391</v>
      </c>
      <c r="B70" s="141">
        <v>8431</v>
      </c>
      <c r="C70" s="141">
        <v>982</v>
      </c>
      <c r="D70" s="141">
        <v>5175</v>
      </c>
      <c r="E70" s="858">
        <v>2228</v>
      </c>
      <c r="F70" s="183">
        <v>8454</v>
      </c>
      <c r="G70" s="184">
        <v>1003</v>
      </c>
      <c r="H70" s="184">
        <v>5195</v>
      </c>
      <c r="I70" s="1002">
        <v>2210</v>
      </c>
      <c r="J70" s="140">
        <v>-23</v>
      </c>
      <c r="K70" s="141">
        <v>-21</v>
      </c>
      <c r="L70" s="141">
        <v>-20</v>
      </c>
      <c r="M70" s="141">
        <v>18</v>
      </c>
      <c r="N70" s="142">
        <v>-0.27206056304707826</v>
      </c>
      <c r="O70" s="142">
        <v>-2.0937188434695915</v>
      </c>
      <c r="P70" s="142">
        <v>-0.38498556304138598</v>
      </c>
      <c r="Q70" s="144">
        <v>0.81447963800904988</v>
      </c>
      <c r="R70" s="145">
        <v>11.7</v>
      </c>
      <c r="S70" s="145">
        <v>61.7</v>
      </c>
      <c r="T70" s="146">
        <v>26.6</v>
      </c>
      <c r="U70" s="152">
        <v>46.91</v>
      </c>
      <c r="V70" s="148">
        <v>226.9</v>
      </c>
      <c r="W70" s="147"/>
    </row>
    <row r="71" spans="1:23" ht="12.75" customHeight="1">
      <c r="A71" s="179" t="s">
        <v>392</v>
      </c>
      <c r="B71" s="141">
        <v>5271</v>
      </c>
      <c r="C71" s="141">
        <v>524</v>
      </c>
      <c r="D71" s="141">
        <v>3050</v>
      </c>
      <c r="E71" s="858">
        <v>1618</v>
      </c>
      <c r="F71" s="183">
        <v>5351</v>
      </c>
      <c r="G71" s="184">
        <v>532</v>
      </c>
      <c r="H71" s="184">
        <v>3138</v>
      </c>
      <c r="I71" s="1002">
        <v>1602</v>
      </c>
      <c r="J71" s="140">
        <v>-80</v>
      </c>
      <c r="K71" s="141">
        <v>-8</v>
      </c>
      <c r="L71" s="141">
        <v>-88</v>
      </c>
      <c r="M71" s="141">
        <v>16</v>
      </c>
      <c r="N71" s="142">
        <v>-1.4950476546439919</v>
      </c>
      <c r="O71" s="142">
        <v>-1.5037593984962405</v>
      </c>
      <c r="P71" s="142">
        <v>-2.804333970681963</v>
      </c>
      <c r="Q71" s="144">
        <v>0.99875156054931336</v>
      </c>
      <c r="R71" s="145">
        <v>10.1</v>
      </c>
      <c r="S71" s="145">
        <v>58.7</v>
      </c>
      <c r="T71" s="146">
        <v>31.2</v>
      </c>
      <c r="U71" s="152">
        <v>49.67</v>
      </c>
      <c r="V71" s="148">
        <v>308.8</v>
      </c>
      <c r="W71" s="147"/>
    </row>
    <row r="72" spans="1:23" ht="12.75" customHeight="1">
      <c r="A72" s="179" t="s">
        <v>393</v>
      </c>
      <c r="B72" s="141">
        <v>4733</v>
      </c>
      <c r="C72" s="141">
        <v>406</v>
      </c>
      <c r="D72" s="141">
        <v>2567</v>
      </c>
      <c r="E72" s="858">
        <v>1744</v>
      </c>
      <c r="F72" s="183">
        <v>4820</v>
      </c>
      <c r="G72" s="184">
        <v>418</v>
      </c>
      <c r="H72" s="184">
        <v>2646</v>
      </c>
      <c r="I72" s="1002">
        <v>1740</v>
      </c>
      <c r="J72" s="140">
        <v>-87</v>
      </c>
      <c r="K72" s="141">
        <v>-12</v>
      </c>
      <c r="L72" s="141">
        <v>-79</v>
      </c>
      <c r="M72" s="141">
        <v>4</v>
      </c>
      <c r="N72" s="142">
        <v>-1.804979253112033</v>
      </c>
      <c r="O72" s="142">
        <v>-2.8708133971291865</v>
      </c>
      <c r="P72" s="142">
        <v>-2.9856386999244142</v>
      </c>
      <c r="Q72" s="144">
        <v>0.22988505747126436</v>
      </c>
      <c r="R72" s="145">
        <v>8.6</v>
      </c>
      <c r="S72" s="145">
        <v>54.4</v>
      </c>
      <c r="T72" s="146">
        <v>37</v>
      </c>
      <c r="U72" s="152">
        <v>52.55</v>
      </c>
      <c r="V72" s="148">
        <v>429.6</v>
      </c>
      <c r="W72" s="147"/>
    </row>
    <row r="73" spans="1:23" ht="12.75" customHeight="1">
      <c r="A73" s="179" t="s">
        <v>394</v>
      </c>
      <c r="B73" s="141">
        <v>9020</v>
      </c>
      <c r="C73" s="141">
        <v>1390</v>
      </c>
      <c r="D73" s="141">
        <v>5502</v>
      </c>
      <c r="E73" s="858">
        <v>2107</v>
      </c>
      <c r="F73" s="183">
        <v>8950</v>
      </c>
      <c r="G73" s="184">
        <v>1377</v>
      </c>
      <c r="H73" s="184">
        <v>5465</v>
      </c>
      <c r="I73" s="1002">
        <v>2087</v>
      </c>
      <c r="J73" s="140">
        <v>70</v>
      </c>
      <c r="K73" s="141">
        <v>13</v>
      </c>
      <c r="L73" s="141">
        <v>37</v>
      </c>
      <c r="M73" s="141">
        <v>20</v>
      </c>
      <c r="N73" s="142">
        <v>0.78212290502793302</v>
      </c>
      <c r="O73" s="142">
        <v>0.94408133623819901</v>
      </c>
      <c r="P73" s="142">
        <v>0.67703568161024708</v>
      </c>
      <c r="Q73" s="144">
        <v>0.95831336847149018</v>
      </c>
      <c r="R73" s="145">
        <v>15.4</v>
      </c>
      <c r="S73" s="145">
        <v>61.1</v>
      </c>
      <c r="T73" s="146">
        <v>23.4</v>
      </c>
      <c r="U73" s="152">
        <v>44.68</v>
      </c>
      <c r="V73" s="148">
        <v>151.6</v>
      </c>
      <c r="W73" s="147"/>
    </row>
    <row r="74" spans="1:23" ht="12.75" customHeight="1">
      <c r="A74" s="179" t="s">
        <v>395</v>
      </c>
      <c r="B74" s="141">
        <v>5341</v>
      </c>
      <c r="C74" s="141">
        <v>307</v>
      </c>
      <c r="D74" s="141">
        <v>2966</v>
      </c>
      <c r="E74" s="858">
        <v>1754</v>
      </c>
      <c r="F74" s="183">
        <v>5418</v>
      </c>
      <c r="G74" s="184">
        <v>340</v>
      </c>
      <c r="H74" s="184">
        <v>2995</v>
      </c>
      <c r="I74" s="1002">
        <v>1768</v>
      </c>
      <c r="J74" s="140">
        <v>-77</v>
      </c>
      <c r="K74" s="141">
        <v>-33</v>
      </c>
      <c r="L74" s="141">
        <v>-29</v>
      </c>
      <c r="M74" s="141">
        <v>-14</v>
      </c>
      <c r="N74" s="142">
        <v>-1.421188630490956</v>
      </c>
      <c r="O74" s="142">
        <v>-9.7058823529411775</v>
      </c>
      <c r="P74" s="142">
        <v>-0.96828046744574292</v>
      </c>
      <c r="Q74" s="144">
        <v>-0.79185520361990946</v>
      </c>
      <c r="R74" s="145">
        <v>6.1</v>
      </c>
      <c r="S74" s="145">
        <v>59</v>
      </c>
      <c r="T74" s="146">
        <v>34.9</v>
      </c>
      <c r="U74" s="152">
        <v>51.34</v>
      </c>
      <c r="V74" s="148">
        <v>571.29999999999995</v>
      </c>
      <c r="W74" s="147"/>
    </row>
    <row r="75" spans="1:23" ht="12.75" customHeight="1">
      <c r="A75" s="179" t="s">
        <v>396</v>
      </c>
      <c r="B75" s="141">
        <v>3042</v>
      </c>
      <c r="C75" s="141">
        <v>210</v>
      </c>
      <c r="D75" s="141">
        <v>1580</v>
      </c>
      <c r="E75" s="858">
        <v>1248</v>
      </c>
      <c r="F75" s="183">
        <v>3122</v>
      </c>
      <c r="G75" s="184">
        <v>215</v>
      </c>
      <c r="H75" s="184">
        <v>1643</v>
      </c>
      <c r="I75" s="1002">
        <v>1260</v>
      </c>
      <c r="J75" s="140">
        <v>-80</v>
      </c>
      <c r="K75" s="141">
        <v>-5</v>
      </c>
      <c r="L75" s="141">
        <v>-63</v>
      </c>
      <c r="M75" s="141">
        <v>-12</v>
      </c>
      <c r="N75" s="142">
        <v>-2.5624599615631007</v>
      </c>
      <c r="O75" s="142">
        <v>-2.3255813953488373</v>
      </c>
      <c r="P75" s="142">
        <v>-3.8344491783323194</v>
      </c>
      <c r="Q75" s="144">
        <v>-0.95238095238095244</v>
      </c>
      <c r="R75" s="145">
        <v>6.9</v>
      </c>
      <c r="S75" s="145">
        <v>52</v>
      </c>
      <c r="T75" s="146">
        <v>41.1</v>
      </c>
      <c r="U75" s="152">
        <v>55.48</v>
      </c>
      <c r="V75" s="148">
        <v>594.29999999999995</v>
      </c>
      <c r="W75" s="147"/>
    </row>
    <row r="76" spans="1:23" ht="12.75" customHeight="1">
      <c r="A76" s="179" t="s">
        <v>397</v>
      </c>
      <c r="B76" s="141">
        <v>10711</v>
      </c>
      <c r="C76" s="141">
        <v>864</v>
      </c>
      <c r="D76" s="141">
        <v>5623</v>
      </c>
      <c r="E76" s="858">
        <v>4124</v>
      </c>
      <c r="F76" s="183">
        <v>10865</v>
      </c>
      <c r="G76" s="184">
        <v>913</v>
      </c>
      <c r="H76" s="184">
        <v>5756</v>
      </c>
      <c r="I76" s="1002">
        <v>4096</v>
      </c>
      <c r="J76" s="140">
        <v>-154</v>
      </c>
      <c r="K76" s="141">
        <v>-49</v>
      </c>
      <c r="L76" s="141">
        <v>-133</v>
      </c>
      <c r="M76" s="141">
        <v>28</v>
      </c>
      <c r="N76" s="142">
        <v>-1.417395306028532</v>
      </c>
      <c r="O76" s="142">
        <v>-5.3669222343921135</v>
      </c>
      <c r="P76" s="142">
        <v>-2.3106323835997222</v>
      </c>
      <c r="Q76" s="144">
        <v>0.68359375</v>
      </c>
      <c r="R76" s="145">
        <v>8.1</v>
      </c>
      <c r="S76" s="145">
        <v>53</v>
      </c>
      <c r="T76" s="146">
        <v>38.9</v>
      </c>
      <c r="U76" s="152">
        <v>53.88</v>
      </c>
      <c r="V76" s="148">
        <v>477.3</v>
      </c>
      <c r="W76" s="147"/>
    </row>
    <row r="77" spans="1:23" ht="12.6" customHeight="1" thickBot="1">
      <c r="A77" s="157"/>
      <c r="B77" s="158"/>
      <c r="C77" s="158"/>
      <c r="D77" s="158"/>
      <c r="E77" s="159"/>
      <c r="F77" s="185"/>
      <c r="G77" s="186"/>
      <c r="H77" s="186"/>
      <c r="I77" s="1006"/>
      <c r="J77" s="1007"/>
      <c r="K77" s="158"/>
      <c r="L77" s="158"/>
      <c r="M77" s="158"/>
      <c r="N77" s="161"/>
      <c r="O77" s="162"/>
      <c r="P77" s="162"/>
      <c r="Q77" s="163"/>
      <c r="R77" s="162"/>
      <c r="S77" s="162"/>
      <c r="T77" s="163"/>
      <c r="U77" s="164"/>
      <c r="V77" s="165"/>
      <c r="W77" s="147"/>
    </row>
    <row r="78" spans="1:23" s="171" customFormat="1" ht="9" customHeight="1" thickTop="1">
      <c r="A78" s="166"/>
      <c r="B78" s="167"/>
      <c r="C78" s="167"/>
      <c r="D78" s="167"/>
      <c r="E78" s="167"/>
      <c r="F78" s="167"/>
      <c r="G78" s="167"/>
      <c r="H78" s="167"/>
      <c r="I78" s="167"/>
      <c r="J78" s="167"/>
      <c r="K78" s="167"/>
      <c r="L78" s="168"/>
      <c r="M78" s="169"/>
      <c r="N78" s="169"/>
      <c r="O78" s="169"/>
      <c r="P78" s="169"/>
      <c r="Q78" s="169"/>
      <c r="R78" s="169"/>
      <c r="S78" s="170"/>
      <c r="T78" s="169"/>
      <c r="U78" s="169"/>
    </row>
    <row r="79" spans="1:23" s="171" customFormat="1" ht="15.95" customHeight="1">
      <c r="A79" s="172" t="s">
        <v>83</v>
      </c>
      <c r="B79" s="173"/>
      <c r="C79" s="173"/>
      <c r="D79" s="173"/>
      <c r="E79" s="173"/>
      <c r="F79" s="173"/>
      <c r="G79" s="173"/>
      <c r="H79" s="173"/>
      <c r="I79" s="173"/>
      <c r="J79" s="173"/>
      <c r="K79" s="173"/>
      <c r="L79" s="174"/>
      <c r="M79" s="174"/>
      <c r="N79" s="174"/>
      <c r="O79" s="174"/>
      <c r="P79" s="174"/>
      <c r="Q79" s="174"/>
      <c r="R79" s="174"/>
      <c r="S79" s="174"/>
      <c r="T79" s="174"/>
      <c r="U79" s="174"/>
    </row>
    <row r="80" spans="1:23" s="171" customFormat="1" ht="14.25">
      <c r="A80" s="172" t="s">
        <v>404</v>
      </c>
      <c r="B80" s="173"/>
      <c r="C80" s="173"/>
      <c r="D80" s="173"/>
      <c r="E80" s="173"/>
      <c r="F80" s="173"/>
      <c r="G80" s="173"/>
      <c r="H80" s="173"/>
      <c r="I80" s="173"/>
      <c r="J80" s="173"/>
      <c r="K80" s="173"/>
      <c r="L80" s="174"/>
      <c r="M80" s="175"/>
      <c r="N80" s="175"/>
      <c r="O80" s="175"/>
      <c r="P80" s="175"/>
      <c r="Q80" s="175"/>
      <c r="R80" s="175"/>
      <c r="S80" s="175"/>
      <c r="T80" s="175"/>
      <c r="U80" s="174"/>
    </row>
    <row r="81" spans="14:24" s="187" customFormat="1">
      <c r="N81" s="131"/>
      <c r="O81" s="131"/>
      <c r="P81" s="131"/>
      <c r="Q81" s="131"/>
      <c r="R81" s="131"/>
      <c r="S81" s="131"/>
      <c r="T81" s="131"/>
      <c r="U81" s="131"/>
      <c r="V81" s="131"/>
      <c r="W81" s="131"/>
      <c r="X81" s="80"/>
    </row>
    <row r="82" spans="14:24" s="187" customFormat="1">
      <c r="N82" s="131"/>
      <c r="O82" s="131"/>
      <c r="P82" s="131"/>
      <c r="Q82" s="131"/>
      <c r="R82" s="131"/>
      <c r="S82" s="131"/>
      <c r="T82" s="131"/>
      <c r="U82" s="131"/>
      <c r="V82" s="131"/>
      <c r="W82" s="131"/>
      <c r="X82" s="80"/>
    </row>
    <row r="83" spans="14:24" s="187" customFormat="1">
      <c r="N83" s="131"/>
      <c r="O83" s="131"/>
      <c r="P83" s="131"/>
      <c r="Q83" s="131"/>
      <c r="R83" s="131"/>
      <c r="S83" s="131"/>
      <c r="T83" s="131"/>
      <c r="U83" s="131"/>
      <c r="V83" s="131"/>
      <c r="W83" s="131"/>
      <c r="X83" s="80"/>
    </row>
    <row r="84" spans="14:24" s="187" customFormat="1">
      <c r="N84" s="131"/>
      <c r="O84" s="131"/>
      <c r="P84" s="131"/>
      <c r="Q84" s="131"/>
      <c r="R84" s="131"/>
      <c r="S84" s="131"/>
      <c r="T84" s="131"/>
      <c r="U84" s="131"/>
      <c r="V84" s="131"/>
      <c r="W84" s="131"/>
      <c r="X84" s="80"/>
    </row>
    <row r="85" spans="14:24" s="187" customFormat="1">
      <c r="N85" s="131"/>
      <c r="O85" s="131"/>
      <c r="P85" s="131"/>
      <c r="Q85" s="131"/>
      <c r="R85" s="131"/>
      <c r="S85" s="131"/>
      <c r="T85" s="131"/>
      <c r="U85" s="131"/>
      <c r="V85" s="131"/>
      <c r="W85" s="131"/>
      <c r="X85" s="80"/>
    </row>
    <row r="86" spans="14:24" s="187" customFormat="1">
      <c r="N86" s="131"/>
      <c r="O86" s="131"/>
      <c r="P86" s="131"/>
      <c r="Q86" s="131"/>
      <c r="R86" s="131"/>
      <c r="S86" s="131"/>
      <c r="T86" s="131"/>
      <c r="U86" s="131"/>
      <c r="V86" s="131"/>
      <c r="W86" s="131"/>
      <c r="X86" s="80"/>
    </row>
    <row r="87" spans="14:24" s="187" customFormat="1">
      <c r="N87" s="131"/>
      <c r="O87" s="131"/>
      <c r="P87" s="131"/>
      <c r="Q87" s="131"/>
      <c r="R87" s="131"/>
      <c r="S87" s="131"/>
      <c r="T87" s="131"/>
      <c r="U87" s="131"/>
      <c r="V87" s="131"/>
      <c r="W87" s="131"/>
      <c r="X87" s="80"/>
    </row>
    <row r="88" spans="14:24" s="187" customFormat="1">
      <c r="N88" s="131"/>
      <c r="O88" s="131"/>
      <c r="P88" s="131"/>
      <c r="Q88" s="131"/>
      <c r="R88" s="131"/>
      <c r="S88" s="131"/>
      <c r="T88" s="131"/>
      <c r="U88" s="131"/>
      <c r="V88" s="131"/>
      <c r="W88" s="131"/>
      <c r="X88" s="80"/>
    </row>
    <row r="89" spans="14:24" s="187" customFormat="1">
      <c r="N89" s="131"/>
      <c r="O89" s="131"/>
      <c r="P89" s="131"/>
      <c r="Q89" s="131"/>
      <c r="R89" s="131"/>
      <c r="S89" s="131"/>
      <c r="T89" s="131"/>
      <c r="U89" s="131"/>
      <c r="V89" s="131"/>
      <c r="W89" s="131"/>
      <c r="X89" s="80"/>
    </row>
    <row r="90" spans="14:24" s="187" customFormat="1">
      <c r="N90" s="131"/>
      <c r="O90" s="131"/>
      <c r="P90" s="131"/>
      <c r="Q90" s="131"/>
      <c r="R90" s="131"/>
      <c r="S90" s="131"/>
      <c r="T90" s="131"/>
      <c r="U90" s="131"/>
      <c r="V90" s="131"/>
      <c r="W90" s="131"/>
      <c r="X90" s="80"/>
    </row>
    <row r="91" spans="14:24" s="187" customFormat="1">
      <c r="N91" s="131"/>
      <c r="O91" s="131"/>
      <c r="P91" s="131"/>
      <c r="Q91" s="131"/>
      <c r="R91" s="131"/>
      <c r="S91" s="131"/>
      <c r="T91" s="131"/>
      <c r="U91" s="131"/>
      <c r="V91" s="131"/>
      <c r="W91" s="131"/>
      <c r="X91" s="80"/>
    </row>
    <row r="92" spans="14:24" s="187" customFormat="1">
      <c r="N92" s="131"/>
      <c r="O92" s="131"/>
      <c r="P92" s="131"/>
      <c r="Q92" s="131"/>
      <c r="R92" s="131"/>
      <c r="S92" s="131"/>
      <c r="T92" s="131"/>
      <c r="U92" s="131"/>
      <c r="V92" s="131"/>
      <c r="W92" s="131"/>
      <c r="X92" s="80"/>
    </row>
    <row r="93" spans="14:24" s="187" customFormat="1">
      <c r="N93" s="131"/>
      <c r="O93" s="131"/>
      <c r="P93" s="131"/>
      <c r="Q93" s="131"/>
      <c r="R93" s="131"/>
      <c r="S93" s="131"/>
      <c r="T93" s="131"/>
      <c r="U93" s="131"/>
      <c r="V93" s="131"/>
      <c r="W93" s="131"/>
      <c r="X93" s="80"/>
    </row>
    <row r="94" spans="14:24" s="187" customFormat="1">
      <c r="N94" s="131"/>
      <c r="O94" s="131"/>
      <c r="P94" s="131"/>
      <c r="Q94" s="131"/>
      <c r="R94" s="131"/>
      <c r="S94" s="131"/>
      <c r="T94" s="131"/>
      <c r="U94" s="131"/>
      <c r="V94" s="131"/>
      <c r="W94" s="131"/>
      <c r="X94" s="80"/>
    </row>
    <row r="95" spans="14:24" s="187" customFormat="1">
      <c r="N95" s="131"/>
      <c r="O95" s="131"/>
      <c r="P95" s="131"/>
      <c r="Q95" s="131"/>
      <c r="R95" s="131"/>
      <c r="S95" s="131"/>
      <c r="T95" s="131"/>
      <c r="U95" s="131"/>
      <c r="V95" s="131"/>
      <c r="W95" s="131"/>
      <c r="X95" s="80"/>
    </row>
    <row r="96" spans="14:24" s="187" customFormat="1">
      <c r="N96" s="131"/>
      <c r="O96" s="131"/>
      <c r="P96" s="131"/>
      <c r="Q96" s="131"/>
      <c r="R96" s="131"/>
      <c r="S96" s="131"/>
      <c r="T96" s="131"/>
      <c r="U96" s="131"/>
      <c r="V96" s="131"/>
      <c r="W96" s="131"/>
      <c r="X96" s="80"/>
    </row>
    <row r="97" spans="14:24" s="187" customFormat="1">
      <c r="N97" s="131"/>
      <c r="O97" s="131"/>
      <c r="P97" s="131"/>
      <c r="Q97" s="131"/>
      <c r="R97" s="131"/>
      <c r="S97" s="131"/>
      <c r="T97" s="131"/>
      <c r="U97" s="131"/>
      <c r="V97" s="131"/>
      <c r="W97" s="131"/>
      <c r="X97" s="80"/>
    </row>
    <row r="98" spans="14:24" s="187" customFormat="1">
      <c r="N98" s="131"/>
      <c r="O98" s="131"/>
      <c r="P98" s="131"/>
      <c r="Q98" s="131"/>
      <c r="R98" s="131"/>
      <c r="S98" s="131"/>
      <c r="T98" s="131"/>
      <c r="U98" s="131"/>
      <c r="V98" s="131"/>
      <c r="W98" s="131"/>
      <c r="X98" s="80"/>
    </row>
    <row r="99" spans="14:24" s="187" customFormat="1">
      <c r="N99" s="131"/>
      <c r="O99" s="131"/>
      <c r="P99" s="131"/>
      <c r="Q99" s="131"/>
      <c r="R99" s="131"/>
      <c r="S99" s="131"/>
      <c r="T99" s="131"/>
      <c r="U99" s="131"/>
      <c r="V99" s="131"/>
      <c r="W99" s="131"/>
      <c r="X99" s="80"/>
    </row>
    <row r="100" spans="14:24" s="187" customFormat="1">
      <c r="N100" s="131"/>
      <c r="O100" s="131"/>
      <c r="P100" s="131"/>
      <c r="Q100" s="131"/>
      <c r="R100" s="131"/>
      <c r="S100" s="131"/>
      <c r="T100" s="131"/>
      <c r="U100" s="131"/>
      <c r="V100" s="131"/>
      <c r="W100" s="131"/>
      <c r="X100" s="80"/>
    </row>
    <row r="101" spans="14:24" s="187" customFormat="1">
      <c r="N101" s="131"/>
      <c r="O101" s="131"/>
      <c r="P101" s="131"/>
      <c r="Q101" s="131"/>
      <c r="R101" s="131"/>
      <c r="S101" s="131"/>
      <c r="T101" s="131"/>
      <c r="U101" s="131"/>
      <c r="V101" s="131"/>
      <c r="W101" s="131"/>
      <c r="X101" s="80"/>
    </row>
    <row r="102" spans="14:24" s="187" customFormat="1">
      <c r="N102" s="131"/>
      <c r="O102" s="131"/>
      <c r="P102" s="131"/>
      <c r="Q102" s="131"/>
      <c r="R102" s="131"/>
      <c r="S102" s="131"/>
      <c r="T102" s="131"/>
      <c r="U102" s="131"/>
      <c r="V102" s="131"/>
      <c r="W102" s="131"/>
      <c r="X102" s="80"/>
    </row>
    <row r="103" spans="14:24" s="187" customFormat="1">
      <c r="N103" s="131"/>
      <c r="O103" s="131"/>
      <c r="P103" s="131"/>
      <c r="Q103" s="131"/>
      <c r="R103" s="131"/>
      <c r="S103" s="131"/>
      <c r="T103" s="131"/>
      <c r="U103" s="131"/>
      <c r="V103" s="131"/>
      <c r="W103" s="131"/>
      <c r="X103" s="80"/>
    </row>
    <row r="104" spans="14:24" s="187" customFormat="1">
      <c r="N104" s="131"/>
      <c r="O104" s="131"/>
      <c r="P104" s="131"/>
      <c r="Q104" s="131"/>
      <c r="R104" s="131"/>
      <c r="S104" s="131"/>
      <c r="T104" s="131"/>
      <c r="U104" s="131"/>
      <c r="V104" s="131"/>
      <c r="W104" s="131"/>
      <c r="X104" s="80"/>
    </row>
    <row r="105" spans="14:24" s="187" customFormat="1">
      <c r="N105" s="131"/>
      <c r="O105" s="131"/>
      <c r="P105" s="131"/>
      <c r="Q105" s="131"/>
      <c r="R105" s="131"/>
      <c r="S105" s="131"/>
      <c r="T105" s="131"/>
      <c r="U105" s="131"/>
      <c r="V105" s="131"/>
      <c r="W105" s="131"/>
      <c r="X105" s="80"/>
    </row>
    <row r="106" spans="14:24" s="187" customFormat="1">
      <c r="N106" s="131"/>
      <c r="O106" s="131"/>
      <c r="P106" s="131"/>
      <c r="Q106" s="131"/>
      <c r="R106" s="131"/>
      <c r="S106" s="131"/>
      <c r="T106" s="131"/>
      <c r="U106" s="131"/>
      <c r="V106" s="131"/>
      <c r="W106" s="131"/>
      <c r="X106" s="80"/>
    </row>
    <row r="107" spans="14:24" s="187" customFormat="1">
      <c r="N107" s="131"/>
      <c r="O107" s="131"/>
      <c r="P107" s="131"/>
      <c r="Q107" s="131"/>
      <c r="R107" s="131"/>
      <c r="S107" s="131"/>
      <c r="T107" s="131"/>
      <c r="U107" s="131"/>
      <c r="V107" s="131"/>
      <c r="W107" s="131"/>
      <c r="X107" s="80"/>
    </row>
    <row r="108" spans="14:24" s="187" customFormat="1">
      <c r="N108" s="131"/>
      <c r="O108" s="131"/>
      <c r="P108" s="131"/>
      <c r="Q108" s="131"/>
      <c r="R108" s="131"/>
      <c r="S108" s="131"/>
      <c r="T108" s="131"/>
      <c r="U108" s="131"/>
      <c r="V108" s="131"/>
      <c r="W108" s="131"/>
      <c r="X108" s="80"/>
    </row>
    <row r="109" spans="14:24" s="187" customFormat="1">
      <c r="N109" s="131"/>
      <c r="O109" s="131"/>
      <c r="P109" s="131"/>
      <c r="Q109" s="131"/>
      <c r="R109" s="131"/>
      <c r="S109" s="131"/>
      <c r="T109" s="131"/>
      <c r="U109" s="131"/>
      <c r="V109" s="131"/>
      <c r="W109" s="131"/>
      <c r="X109" s="80"/>
    </row>
    <row r="110" spans="14:24" s="187" customFormat="1">
      <c r="N110" s="131"/>
      <c r="O110" s="131"/>
      <c r="P110" s="131"/>
      <c r="Q110" s="131"/>
      <c r="R110" s="131"/>
      <c r="S110" s="131"/>
      <c r="T110" s="131"/>
      <c r="U110" s="131"/>
      <c r="V110" s="131"/>
      <c r="W110" s="131"/>
      <c r="X110" s="80"/>
    </row>
    <row r="111" spans="14:24" s="187" customFormat="1">
      <c r="N111" s="131"/>
      <c r="O111" s="131"/>
      <c r="P111" s="131"/>
      <c r="Q111" s="131"/>
      <c r="R111" s="131"/>
      <c r="S111" s="131"/>
      <c r="T111" s="131"/>
      <c r="U111" s="131"/>
      <c r="V111" s="131"/>
      <c r="W111" s="131"/>
      <c r="X111" s="80"/>
    </row>
    <row r="112" spans="14:24" s="187" customFormat="1">
      <c r="N112" s="131"/>
      <c r="O112" s="131"/>
      <c r="P112" s="131"/>
      <c r="Q112" s="131"/>
      <c r="R112" s="131"/>
      <c r="S112" s="131"/>
      <c r="T112" s="131"/>
      <c r="U112" s="131"/>
      <c r="V112" s="131"/>
      <c r="W112" s="131"/>
      <c r="X112" s="80"/>
    </row>
    <row r="113" spans="14:24" s="187" customFormat="1">
      <c r="N113" s="131"/>
      <c r="O113" s="131"/>
      <c r="P113" s="131"/>
      <c r="Q113" s="131"/>
      <c r="R113" s="131"/>
      <c r="S113" s="131"/>
      <c r="T113" s="131"/>
      <c r="U113" s="131"/>
      <c r="V113" s="131"/>
      <c r="W113" s="131"/>
      <c r="X113" s="80"/>
    </row>
    <row r="114" spans="14:24" s="187" customFormat="1">
      <c r="N114" s="131"/>
      <c r="O114" s="131"/>
      <c r="P114" s="131"/>
      <c r="Q114" s="131"/>
      <c r="R114" s="131"/>
      <c r="S114" s="131"/>
      <c r="T114" s="131"/>
      <c r="U114" s="131"/>
      <c r="V114" s="131"/>
      <c r="W114" s="131"/>
      <c r="X114" s="80"/>
    </row>
    <row r="115" spans="14:24" s="187" customFormat="1">
      <c r="N115" s="131"/>
      <c r="O115" s="131"/>
      <c r="P115" s="131"/>
      <c r="Q115" s="131"/>
      <c r="R115" s="131"/>
      <c r="S115" s="131"/>
      <c r="T115" s="131"/>
      <c r="U115" s="131"/>
      <c r="V115" s="131"/>
      <c r="W115" s="131"/>
      <c r="X115" s="80"/>
    </row>
    <row r="116" spans="14:24" s="187" customFormat="1">
      <c r="N116" s="131"/>
      <c r="O116" s="131"/>
      <c r="P116" s="131"/>
      <c r="Q116" s="131"/>
      <c r="R116" s="131"/>
      <c r="S116" s="131"/>
      <c r="T116" s="131"/>
      <c r="U116" s="131"/>
      <c r="V116" s="131"/>
      <c r="W116" s="131"/>
      <c r="X116" s="80"/>
    </row>
    <row r="117" spans="14:24" s="187" customFormat="1">
      <c r="N117" s="131"/>
      <c r="O117" s="131"/>
      <c r="P117" s="131"/>
      <c r="Q117" s="131"/>
      <c r="R117" s="131"/>
      <c r="S117" s="131"/>
      <c r="T117" s="131"/>
      <c r="U117" s="131"/>
      <c r="V117" s="131"/>
      <c r="W117" s="131"/>
      <c r="X117" s="80"/>
    </row>
    <row r="118" spans="14:24" s="187" customFormat="1">
      <c r="N118" s="131"/>
      <c r="O118" s="131"/>
      <c r="P118" s="131"/>
      <c r="Q118" s="131"/>
      <c r="R118" s="131"/>
      <c r="S118" s="131"/>
      <c r="T118" s="131"/>
      <c r="U118" s="131"/>
      <c r="V118" s="131"/>
      <c r="W118" s="131"/>
      <c r="X118" s="80"/>
    </row>
    <row r="119" spans="14:24" s="187" customFormat="1">
      <c r="N119" s="131"/>
      <c r="O119" s="131"/>
      <c r="P119" s="131"/>
      <c r="Q119" s="131"/>
      <c r="R119" s="131"/>
      <c r="S119" s="131"/>
      <c r="T119" s="131"/>
      <c r="U119" s="131"/>
      <c r="V119" s="131"/>
      <c r="W119" s="131"/>
      <c r="X119" s="80"/>
    </row>
    <row r="120" spans="14:24" s="187" customFormat="1">
      <c r="N120" s="131"/>
      <c r="O120" s="131"/>
      <c r="P120" s="131"/>
      <c r="Q120" s="131"/>
      <c r="R120" s="131"/>
      <c r="S120" s="131"/>
      <c r="T120" s="131"/>
      <c r="U120" s="131"/>
      <c r="V120" s="131"/>
      <c r="W120" s="131"/>
      <c r="X120" s="80"/>
    </row>
    <row r="121" spans="14:24" s="187" customFormat="1">
      <c r="N121" s="131"/>
      <c r="O121" s="131"/>
      <c r="P121" s="131"/>
      <c r="Q121" s="131"/>
      <c r="R121" s="131"/>
      <c r="S121" s="131"/>
      <c r="T121" s="131"/>
      <c r="U121" s="131"/>
      <c r="V121" s="131"/>
      <c r="W121" s="131"/>
      <c r="X121" s="80"/>
    </row>
    <row r="122" spans="14:24" s="187" customFormat="1">
      <c r="N122" s="131"/>
      <c r="O122" s="131"/>
      <c r="P122" s="131"/>
      <c r="Q122" s="131"/>
      <c r="R122" s="131"/>
      <c r="S122" s="131"/>
      <c r="T122" s="131"/>
      <c r="U122" s="131"/>
      <c r="V122" s="131"/>
      <c r="W122" s="131"/>
      <c r="X122" s="80"/>
    </row>
    <row r="123" spans="14:24" s="187" customFormat="1">
      <c r="N123" s="131"/>
      <c r="O123" s="131"/>
      <c r="P123" s="131"/>
      <c r="Q123" s="131"/>
      <c r="R123" s="131"/>
      <c r="S123" s="131"/>
      <c r="T123" s="131"/>
      <c r="U123" s="131"/>
      <c r="V123" s="131"/>
      <c r="W123" s="131"/>
      <c r="X123" s="80"/>
    </row>
    <row r="124" spans="14:24" s="187" customFormat="1">
      <c r="N124" s="131"/>
      <c r="O124" s="131"/>
      <c r="P124" s="131"/>
      <c r="Q124" s="131"/>
      <c r="R124" s="131"/>
      <c r="S124" s="131"/>
      <c r="T124" s="131"/>
      <c r="U124" s="131"/>
      <c r="V124" s="131"/>
      <c r="W124" s="131"/>
      <c r="X124" s="80"/>
    </row>
    <row r="125" spans="14:24" s="187" customFormat="1">
      <c r="N125" s="131"/>
      <c r="O125" s="131"/>
      <c r="P125" s="131"/>
      <c r="Q125" s="131"/>
      <c r="R125" s="131"/>
      <c r="S125" s="131"/>
      <c r="T125" s="131"/>
      <c r="U125" s="131"/>
      <c r="V125" s="131"/>
      <c r="W125" s="131"/>
      <c r="X125" s="80"/>
    </row>
    <row r="126" spans="14:24" s="187" customFormat="1">
      <c r="N126" s="131"/>
      <c r="O126" s="131"/>
      <c r="P126" s="131"/>
      <c r="Q126" s="131"/>
      <c r="R126" s="131"/>
      <c r="S126" s="131"/>
      <c r="T126" s="131"/>
      <c r="U126" s="131"/>
      <c r="V126" s="131"/>
      <c r="W126" s="131"/>
      <c r="X126" s="80"/>
    </row>
    <row r="127" spans="14:24" s="187" customFormat="1">
      <c r="N127" s="131"/>
      <c r="O127" s="131"/>
      <c r="P127" s="131"/>
      <c r="Q127" s="131"/>
      <c r="R127" s="131"/>
      <c r="S127" s="131"/>
      <c r="T127" s="131"/>
      <c r="U127" s="131"/>
      <c r="V127" s="131"/>
      <c r="W127" s="131"/>
      <c r="X127" s="80"/>
    </row>
    <row r="128" spans="14:24" s="187" customFormat="1">
      <c r="N128" s="131"/>
      <c r="O128" s="131"/>
      <c r="P128" s="131"/>
      <c r="Q128" s="131"/>
      <c r="R128" s="131"/>
      <c r="S128" s="131"/>
      <c r="T128" s="131"/>
      <c r="U128" s="131"/>
      <c r="V128" s="131"/>
      <c r="W128" s="131"/>
      <c r="X128" s="80"/>
    </row>
    <row r="129" spans="14:24" s="187" customFormat="1">
      <c r="N129" s="131"/>
      <c r="O129" s="131"/>
      <c r="P129" s="131"/>
      <c r="Q129" s="131"/>
      <c r="R129" s="131"/>
      <c r="S129" s="131"/>
      <c r="T129" s="131"/>
      <c r="U129" s="131"/>
      <c r="V129" s="131"/>
      <c r="W129" s="131"/>
      <c r="X129" s="80"/>
    </row>
    <row r="130" spans="14:24" s="187" customFormat="1">
      <c r="N130" s="131"/>
      <c r="O130" s="131"/>
      <c r="P130" s="131"/>
      <c r="Q130" s="131"/>
      <c r="R130" s="131"/>
      <c r="S130" s="131"/>
      <c r="T130" s="131"/>
      <c r="U130" s="131"/>
      <c r="V130" s="131"/>
      <c r="W130" s="131"/>
      <c r="X130" s="80"/>
    </row>
    <row r="131" spans="14:24" s="187" customFormat="1">
      <c r="N131" s="131"/>
      <c r="O131" s="131"/>
      <c r="P131" s="131"/>
      <c r="Q131" s="131"/>
      <c r="R131" s="131"/>
      <c r="S131" s="131"/>
      <c r="T131" s="131"/>
      <c r="U131" s="131"/>
      <c r="V131" s="131"/>
      <c r="W131" s="131"/>
      <c r="X131" s="80"/>
    </row>
    <row r="132" spans="14:24" s="187" customFormat="1">
      <c r="N132" s="131"/>
      <c r="O132" s="131"/>
      <c r="P132" s="131"/>
      <c r="Q132" s="131"/>
      <c r="R132" s="131"/>
      <c r="S132" s="131"/>
      <c r="T132" s="131"/>
      <c r="U132" s="131"/>
      <c r="V132" s="131"/>
      <c r="W132" s="131"/>
      <c r="X132" s="80"/>
    </row>
    <row r="133" spans="14:24" s="187" customFormat="1">
      <c r="N133" s="131"/>
      <c r="O133" s="131"/>
      <c r="P133" s="131"/>
      <c r="Q133" s="131"/>
      <c r="R133" s="131"/>
      <c r="S133" s="131"/>
      <c r="T133" s="131"/>
      <c r="U133" s="131"/>
      <c r="V133" s="131"/>
      <c r="W133" s="131"/>
      <c r="X133" s="80"/>
    </row>
    <row r="134" spans="14:24" s="187" customFormat="1">
      <c r="N134" s="131"/>
      <c r="O134" s="131"/>
      <c r="P134" s="131"/>
      <c r="Q134" s="131"/>
      <c r="R134" s="131"/>
      <c r="S134" s="131"/>
      <c r="T134" s="131"/>
      <c r="U134" s="131"/>
      <c r="V134" s="131"/>
      <c r="W134" s="131"/>
      <c r="X134" s="80"/>
    </row>
    <row r="135" spans="14:24" s="187" customFormat="1">
      <c r="N135" s="131"/>
      <c r="O135" s="131"/>
      <c r="P135" s="131"/>
      <c r="Q135" s="131"/>
      <c r="R135" s="131"/>
      <c r="S135" s="131"/>
      <c r="T135" s="131"/>
      <c r="U135" s="131"/>
      <c r="V135" s="131"/>
      <c r="W135" s="131"/>
      <c r="X135" s="80"/>
    </row>
    <row r="136" spans="14:24" s="187" customFormat="1">
      <c r="N136" s="131"/>
      <c r="O136" s="131"/>
      <c r="P136" s="131"/>
      <c r="Q136" s="131"/>
      <c r="R136" s="131"/>
      <c r="S136" s="131"/>
      <c r="T136" s="131"/>
      <c r="U136" s="131"/>
      <c r="V136" s="131"/>
      <c r="W136" s="131"/>
      <c r="X136" s="80"/>
    </row>
    <row r="137" spans="14:24" s="187" customFormat="1">
      <c r="N137" s="131"/>
      <c r="O137" s="131"/>
      <c r="P137" s="131"/>
      <c r="Q137" s="131"/>
      <c r="R137" s="131"/>
      <c r="S137" s="131"/>
      <c r="T137" s="131"/>
      <c r="U137" s="131"/>
      <c r="V137" s="131"/>
      <c r="W137" s="131"/>
      <c r="X137" s="80"/>
    </row>
    <row r="138" spans="14:24" s="187" customFormat="1">
      <c r="N138" s="131"/>
      <c r="O138" s="131"/>
      <c r="P138" s="131"/>
      <c r="Q138" s="131"/>
      <c r="R138" s="131"/>
      <c r="S138" s="131"/>
      <c r="T138" s="131"/>
      <c r="U138" s="131"/>
      <c r="V138" s="131"/>
      <c r="W138" s="131"/>
      <c r="X138" s="80"/>
    </row>
    <row r="139" spans="14:24" s="187" customFormat="1">
      <c r="N139" s="131"/>
      <c r="O139" s="131"/>
      <c r="P139" s="131"/>
      <c r="Q139" s="131"/>
      <c r="R139" s="131"/>
      <c r="S139" s="131"/>
      <c r="T139" s="131"/>
      <c r="U139" s="131"/>
      <c r="V139" s="131"/>
      <c r="W139" s="131"/>
      <c r="X139" s="80"/>
    </row>
    <row r="140" spans="14:24" s="187" customFormat="1">
      <c r="N140" s="131"/>
      <c r="O140" s="131"/>
      <c r="P140" s="131"/>
      <c r="Q140" s="131"/>
      <c r="R140" s="131"/>
      <c r="S140" s="131"/>
      <c r="T140" s="131"/>
      <c r="U140" s="131"/>
      <c r="V140" s="131"/>
      <c r="W140" s="131"/>
      <c r="X140" s="80"/>
    </row>
    <row r="141" spans="14:24" s="187" customFormat="1">
      <c r="N141" s="131"/>
      <c r="O141" s="131"/>
      <c r="P141" s="131"/>
      <c r="Q141" s="131"/>
      <c r="R141" s="131"/>
      <c r="S141" s="131"/>
      <c r="T141" s="131"/>
      <c r="U141" s="131"/>
      <c r="V141" s="131"/>
      <c r="W141" s="131"/>
      <c r="X141" s="80"/>
    </row>
    <row r="142" spans="14:24" s="187" customFormat="1">
      <c r="N142" s="131"/>
      <c r="O142" s="131"/>
      <c r="P142" s="131"/>
      <c r="Q142" s="131"/>
      <c r="R142" s="131"/>
      <c r="S142" s="131"/>
      <c r="T142" s="131"/>
      <c r="U142" s="131"/>
      <c r="V142" s="131"/>
      <c r="W142" s="131"/>
      <c r="X142" s="80"/>
    </row>
    <row r="143" spans="14:24" s="187" customFormat="1">
      <c r="N143" s="131"/>
      <c r="O143" s="131"/>
      <c r="P143" s="131"/>
      <c r="Q143" s="131"/>
      <c r="R143" s="131"/>
      <c r="S143" s="131"/>
      <c r="T143" s="131"/>
      <c r="U143" s="131"/>
      <c r="V143" s="131"/>
      <c r="W143" s="131"/>
      <c r="X143" s="80"/>
    </row>
    <row r="144" spans="14:24" s="187" customFormat="1">
      <c r="N144" s="131"/>
      <c r="O144" s="131"/>
      <c r="P144" s="131"/>
      <c r="Q144" s="131"/>
      <c r="R144" s="131"/>
      <c r="S144" s="131"/>
      <c r="T144" s="131"/>
      <c r="U144" s="131"/>
      <c r="V144" s="131"/>
      <c r="W144" s="131"/>
      <c r="X144" s="80"/>
    </row>
    <row r="145" spans="14:24" s="187" customFormat="1">
      <c r="N145" s="131"/>
      <c r="O145" s="131"/>
      <c r="P145" s="131"/>
      <c r="Q145" s="131"/>
      <c r="R145" s="131"/>
      <c r="S145" s="131"/>
      <c r="T145" s="131"/>
      <c r="U145" s="131"/>
      <c r="V145" s="131"/>
      <c r="W145" s="131"/>
      <c r="X145" s="80"/>
    </row>
    <row r="146" spans="14:24" s="187" customFormat="1">
      <c r="N146" s="131"/>
      <c r="O146" s="131"/>
      <c r="P146" s="131"/>
      <c r="Q146" s="131"/>
      <c r="R146" s="131"/>
      <c r="S146" s="131"/>
      <c r="T146" s="131"/>
      <c r="U146" s="131"/>
      <c r="V146" s="131"/>
      <c r="W146" s="131"/>
      <c r="X146" s="80"/>
    </row>
    <row r="147" spans="14:24" s="187" customFormat="1">
      <c r="N147" s="131"/>
      <c r="O147" s="131"/>
      <c r="P147" s="131"/>
      <c r="Q147" s="131"/>
      <c r="R147" s="131"/>
      <c r="S147" s="131"/>
      <c r="T147" s="131"/>
      <c r="U147" s="131"/>
      <c r="V147" s="131"/>
      <c r="W147" s="131"/>
      <c r="X147" s="80"/>
    </row>
    <row r="148" spans="14:24" s="187" customFormat="1">
      <c r="N148" s="131"/>
      <c r="O148" s="131"/>
      <c r="P148" s="131"/>
      <c r="Q148" s="131"/>
      <c r="R148" s="131"/>
      <c r="S148" s="131"/>
      <c r="T148" s="131"/>
      <c r="U148" s="131"/>
      <c r="V148" s="131"/>
      <c r="W148" s="131"/>
      <c r="X148" s="80"/>
    </row>
    <row r="149" spans="14:24" s="187" customFormat="1">
      <c r="N149" s="131"/>
      <c r="O149" s="131"/>
      <c r="P149" s="131"/>
      <c r="Q149" s="131"/>
      <c r="R149" s="131"/>
      <c r="S149" s="131"/>
      <c r="T149" s="131"/>
      <c r="U149" s="131"/>
      <c r="V149" s="131"/>
      <c r="W149" s="131"/>
      <c r="X149" s="80"/>
    </row>
    <row r="150" spans="14:24" s="187" customFormat="1">
      <c r="N150" s="131"/>
      <c r="O150" s="131"/>
      <c r="P150" s="131"/>
      <c r="Q150" s="131"/>
      <c r="R150" s="131"/>
      <c r="S150" s="131"/>
      <c r="T150" s="131"/>
      <c r="U150" s="131"/>
      <c r="V150" s="131"/>
      <c r="W150" s="131"/>
      <c r="X150" s="80"/>
    </row>
    <row r="151" spans="14:24" s="187" customFormat="1">
      <c r="N151" s="131"/>
      <c r="O151" s="131"/>
      <c r="P151" s="131"/>
      <c r="Q151" s="131"/>
      <c r="R151" s="131"/>
      <c r="S151" s="131"/>
      <c r="T151" s="131"/>
      <c r="U151" s="131"/>
      <c r="V151" s="131"/>
      <c r="W151" s="131"/>
      <c r="X151" s="80"/>
    </row>
    <row r="152" spans="14:24" s="187" customFormat="1">
      <c r="N152" s="131"/>
      <c r="O152" s="131"/>
      <c r="P152" s="131"/>
      <c r="Q152" s="131"/>
      <c r="R152" s="131"/>
      <c r="S152" s="131"/>
      <c r="T152" s="131"/>
      <c r="U152" s="131"/>
      <c r="V152" s="131"/>
      <c r="W152" s="131"/>
      <c r="X152" s="80"/>
    </row>
    <row r="153" spans="14:24" s="187" customFormat="1">
      <c r="N153" s="131"/>
      <c r="O153" s="131"/>
      <c r="P153" s="131"/>
      <c r="Q153" s="131"/>
      <c r="R153" s="131"/>
      <c r="S153" s="131"/>
      <c r="T153" s="131"/>
      <c r="U153" s="131"/>
      <c r="V153" s="131"/>
      <c r="W153" s="131"/>
      <c r="X153" s="80"/>
    </row>
    <row r="154" spans="14:24" s="187" customFormat="1">
      <c r="N154" s="131"/>
      <c r="O154" s="131"/>
      <c r="P154" s="131"/>
      <c r="Q154" s="131"/>
      <c r="R154" s="131"/>
      <c r="S154" s="131"/>
      <c r="T154" s="131"/>
      <c r="U154" s="131"/>
      <c r="V154" s="131"/>
      <c r="W154" s="131"/>
      <c r="X154" s="80"/>
    </row>
    <row r="155" spans="14:24" s="187" customFormat="1">
      <c r="N155" s="131"/>
      <c r="O155" s="131"/>
      <c r="P155" s="131"/>
      <c r="Q155" s="131"/>
      <c r="R155" s="131"/>
      <c r="S155" s="131"/>
      <c r="T155" s="131"/>
      <c r="U155" s="131"/>
      <c r="V155" s="131"/>
      <c r="W155" s="131"/>
      <c r="X155" s="80"/>
    </row>
    <row r="156" spans="14:24" s="187" customFormat="1">
      <c r="N156" s="131"/>
      <c r="O156" s="131"/>
      <c r="P156" s="131"/>
      <c r="Q156" s="131"/>
      <c r="R156" s="131"/>
      <c r="S156" s="131"/>
      <c r="T156" s="131"/>
      <c r="U156" s="131"/>
      <c r="V156" s="131"/>
      <c r="W156" s="131"/>
      <c r="X156" s="80"/>
    </row>
    <row r="157" spans="14:24" s="187" customFormat="1">
      <c r="N157" s="131"/>
      <c r="O157" s="131"/>
      <c r="P157" s="131"/>
      <c r="Q157" s="131"/>
      <c r="R157" s="131"/>
      <c r="S157" s="131"/>
      <c r="T157" s="131"/>
      <c r="U157" s="131"/>
      <c r="V157" s="131"/>
      <c r="W157" s="131"/>
      <c r="X157" s="80"/>
    </row>
    <row r="158" spans="14:24" s="187" customFormat="1">
      <c r="N158" s="131"/>
      <c r="O158" s="131"/>
      <c r="P158" s="131"/>
      <c r="Q158" s="131"/>
      <c r="R158" s="131"/>
      <c r="S158" s="131"/>
      <c r="T158" s="131"/>
      <c r="U158" s="131"/>
      <c r="V158" s="131"/>
      <c r="W158" s="131"/>
      <c r="X158" s="80"/>
    </row>
    <row r="159" spans="14:24" s="187" customFormat="1">
      <c r="N159" s="131"/>
      <c r="O159" s="131"/>
      <c r="P159" s="131"/>
      <c r="Q159" s="131"/>
      <c r="R159" s="131"/>
      <c r="S159" s="131"/>
      <c r="T159" s="131"/>
      <c r="U159" s="131"/>
      <c r="V159" s="131"/>
      <c r="W159" s="131"/>
      <c r="X159" s="80"/>
    </row>
    <row r="160" spans="14:24" s="187" customFormat="1">
      <c r="N160" s="131"/>
      <c r="O160" s="131"/>
      <c r="P160" s="131"/>
      <c r="Q160" s="131"/>
      <c r="R160" s="131"/>
      <c r="S160" s="131"/>
      <c r="T160" s="131"/>
      <c r="U160" s="131"/>
      <c r="V160" s="131"/>
      <c r="W160" s="131"/>
      <c r="X160" s="80"/>
    </row>
    <row r="161" spans="14:24" s="187" customFormat="1">
      <c r="N161" s="131"/>
      <c r="O161" s="131"/>
      <c r="P161" s="131"/>
      <c r="Q161" s="131"/>
      <c r="R161" s="131"/>
      <c r="S161" s="131"/>
      <c r="T161" s="131"/>
      <c r="U161" s="131"/>
      <c r="V161" s="131"/>
      <c r="W161" s="131"/>
      <c r="X161" s="80"/>
    </row>
    <row r="162" spans="14:24" s="187" customFormat="1">
      <c r="N162" s="131"/>
      <c r="O162" s="131"/>
      <c r="P162" s="131"/>
      <c r="Q162" s="131"/>
      <c r="R162" s="131"/>
      <c r="S162" s="131"/>
      <c r="T162" s="131"/>
      <c r="U162" s="131"/>
      <c r="V162" s="131"/>
      <c r="W162" s="131"/>
      <c r="X162" s="80"/>
    </row>
    <row r="163" spans="14:24" s="187" customFormat="1">
      <c r="N163" s="131"/>
      <c r="O163" s="131"/>
      <c r="P163" s="131"/>
      <c r="Q163" s="131"/>
      <c r="R163" s="131"/>
      <c r="S163" s="131"/>
      <c r="T163" s="131"/>
      <c r="U163" s="131"/>
      <c r="V163" s="131"/>
      <c r="W163" s="131"/>
      <c r="X163" s="80"/>
    </row>
    <row r="164" spans="14:24" s="187" customFormat="1">
      <c r="N164" s="131"/>
      <c r="O164" s="131"/>
      <c r="P164" s="131"/>
      <c r="Q164" s="131"/>
      <c r="R164" s="131"/>
      <c r="S164" s="131"/>
      <c r="T164" s="131"/>
      <c r="U164" s="131"/>
      <c r="V164" s="131"/>
      <c r="W164" s="131"/>
      <c r="X164" s="80"/>
    </row>
    <row r="165" spans="14:24" s="187" customFormat="1">
      <c r="N165" s="131"/>
      <c r="O165" s="131"/>
      <c r="P165" s="131"/>
      <c r="Q165" s="131"/>
      <c r="R165" s="131"/>
      <c r="S165" s="131"/>
      <c r="T165" s="131"/>
      <c r="U165" s="131"/>
      <c r="V165" s="131"/>
      <c r="W165" s="131"/>
      <c r="X165" s="80"/>
    </row>
    <row r="166" spans="14:24" s="187" customFormat="1">
      <c r="N166" s="131"/>
      <c r="O166" s="131"/>
      <c r="P166" s="131"/>
      <c r="Q166" s="131"/>
      <c r="R166" s="131"/>
      <c r="S166" s="131"/>
      <c r="T166" s="131"/>
      <c r="U166" s="131"/>
      <c r="V166" s="131"/>
      <c r="W166" s="131"/>
      <c r="X166" s="80"/>
    </row>
    <row r="167" spans="14:24" s="187" customFormat="1">
      <c r="N167" s="131"/>
      <c r="O167" s="131"/>
      <c r="P167" s="131"/>
      <c r="Q167" s="131"/>
      <c r="R167" s="131"/>
      <c r="S167" s="131"/>
      <c r="T167" s="131"/>
      <c r="U167" s="131"/>
      <c r="V167" s="131"/>
      <c r="W167" s="131"/>
      <c r="X167" s="80"/>
    </row>
    <row r="168" spans="14:24" s="187" customFormat="1">
      <c r="N168" s="131"/>
      <c r="O168" s="131"/>
      <c r="P168" s="131"/>
      <c r="Q168" s="131"/>
      <c r="R168" s="131"/>
      <c r="S168" s="131"/>
      <c r="T168" s="131"/>
      <c r="U168" s="131"/>
      <c r="V168" s="131"/>
      <c r="W168" s="131"/>
      <c r="X168" s="80"/>
    </row>
    <row r="169" spans="14:24" s="187" customFormat="1">
      <c r="N169" s="131"/>
      <c r="O169" s="131"/>
      <c r="P169" s="131"/>
      <c r="Q169" s="131"/>
      <c r="R169" s="131"/>
      <c r="S169" s="131"/>
      <c r="T169" s="131"/>
      <c r="U169" s="131"/>
      <c r="V169" s="131"/>
      <c r="W169" s="131"/>
      <c r="X169" s="80"/>
    </row>
    <row r="170" spans="14:24" s="187" customFormat="1">
      <c r="N170" s="131"/>
      <c r="O170" s="131"/>
      <c r="P170" s="131"/>
      <c r="Q170" s="131"/>
      <c r="R170" s="131"/>
      <c r="S170" s="131"/>
      <c r="T170" s="131"/>
      <c r="U170" s="131"/>
      <c r="V170" s="131"/>
      <c r="W170" s="131"/>
      <c r="X170" s="80"/>
    </row>
    <row r="171" spans="14:24" s="187" customFormat="1">
      <c r="N171" s="131"/>
      <c r="O171" s="131"/>
      <c r="P171" s="131"/>
      <c r="Q171" s="131"/>
      <c r="R171" s="131"/>
      <c r="S171" s="131"/>
      <c r="T171" s="131"/>
      <c r="U171" s="131"/>
      <c r="V171" s="131"/>
      <c r="W171" s="131"/>
      <c r="X171" s="80"/>
    </row>
    <row r="172" spans="14:24" s="187" customFormat="1">
      <c r="N172" s="131"/>
      <c r="O172" s="131"/>
      <c r="P172" s="131"/>
      <c r="Q172" s="131"/>
      <c r="R172" s="131"/>
      <c r="S172" s="131"/>
      <c r="T172" s="131"/>
      <c r="U172" s="131"/>
      <c r="V172" s="131"/>
      <c r="W172" s="131"/>
      <c r="X172" s="80"/>
    </row>
    <row r="173" spans="14:24" s="187" customFormat="1">
      <c r="N173" s="131"/>
      <c r="O173" s="131"/>
      <c r="P173" s="131"/>
      <c r="Q173" s="131"/>
      <c r="R173" s="131"/>
      <c r="S173" s="131"/>
      <c r="T173" s="131"/>
      <c r="U173" s="131"/>
      <c r="V173" s="131"/>
      <c r="W173" s="131"/>
      <c r="X173" s="80"/>
    </row>
    <row r="174" spans="14:24" s="187" customFormat="1">
      <c r="N174" s="131"/>
      <c r="O174" s="131"/>
      <c r="P174" s="131"/>
      <c r="Q174" s="131"/>
      <c r="R174" s="131"/>
      <c r="S174" s="131"/>
      <c r="T174" s="131"/>
      <c r="U174" s="131"/>
      <c r="V174" s="131"/>
      <c r="W174" s="131"/>
      <c r="X174" s="80"/>
    </row>
    <row r="175" spans="14:24" s="187" customFormat="1">
      <c r="N175" s="131"/>
      <c r="O175" s="131"/>
      <c r="P175" s="131"/>
      <c r="Q175" s="131"/>
      <c r="R175" s="131"/>
      <c r="S175" s="131"/>
      <c r="T175" s="131"/>
      <c r="U175" s="131"/>
      <c r="V175" s="131"/>
      <c r="W175" s="131"/>
      <c r="X175" s="80"/>
    </row>
    <row r="176" spans="14:24" s="187" customFormat="1">
      <c r="N176" s="131"/>
      <c r="O176" s="131"/>
      <c r="P176" s="131"/>
      <c r="Q176" s="131"/>
      <c r="R176" s="131"/>
      <c r="S176" s="131"/>
      <c r="T176" s="131"/>
      <c r="U176" s="131"/>
      <c r="V176" s="131"/>
      <c r="W176" s="131"/>
      <c r="X176" s="80"/>
    </row>
    <row r="177" spans="14:24" s="187" customFormat="1">
      <c r="N177" s="131"/>
      <c r="O177" s="131"/>
      <c r="P177" s="131"/>
      <c r="Q177" s="131"/>
      <c r="R177" s="131"/>
      <c r="S177" s="131"/>
      <c r="T177" s="131"/>
      <c r="U177" s="131"/>
      <c r="V177" s="131"/>
      <c r="W177" s="131"/>
      <c r="X177" s="80"/>
    </row>
    <row r="178" spans="14:24" s="187" customFormat="1">
      <c r="N178" s="131"/>
      <c r="O178" s="131"/>
      <c r="P178" s="131"/>
      <c r="Q178" s="131"/>
      <c r="R178" s="131"/>
      <c r="S178" s="131"/>
      <c r="T178" s="131"/>
      <c r="U178" s="131"/>
      <c r="V178" s="131"/>
      <c r="W178" s="131"/>
      <c r="X178" s="80"/>
    </row>
    <row r="179" spans="14:24" s="187" customFormat="1">
      <c r="N179" s="131"/>
      <c r="O179" s="131"/>
      <c r="P179" s="131"/>
      <c r="Q179" s="131"/>
      <c r="R179" s="131"/>
      <c r="S179" s="131"/>
      <c r="T179" s="131"/>
      <c r="U179" s="131"/>
      <c r="V179" s="131"/>
      <c r="W179" s="131"/>
      <c r="X179" s="80"/>
    </row>
    <row r="180" spans="14:24" s="187" customFormat="1">
      <c r="N180" s="131"/>
      <c r="O180" s="131"/>
      <c r="P180" s="131"/>
      <c r="Q180" s="131"/>
      <c r="R180" s="131"/>
      <c r="S180" s="131"/>
      <c r="T180" s="131"/>
      <c r="U180" s="131"/>
      <c r="V180" s="131"/>
      <c r="W180" s="131"/>
      <c r="X180" s="80"/>
    </row>
    <row r="181" spans="14:24" s="187" customFormat="1">
      <c r="N181" s="131"/>
      <c r="O181" s="131"/>
      <c r="P181" s="131"/>
      <c r="Q181" s="131"/>
      <c r="R181" s="131"/>
      <c r="S181" s="131"/>
      <c r="T181" s="131"/>
      <c r="U181" s="131"/>
      <c r="V181" s="131"/>
      <c r="W181" s="131"/>
      <c r="X181" s="80"/>
    </row>
    <row r="182" spans="14:24" s="187" customFormat="1">
      <c r="N182" s="131"/>
      <c r="O182" s="131"/>
      <c r="P182" s="131"/>
      <c r="Q182" s="131"/>
      <c r="R182" s="131"/>
      <c r="S182" s="131"/>
      <c r="T182" s="131"/>
      <c r="U182" s="131"/>
      <c r="V182" s="131"/>
      <c r="W182" s="131"/>
      <c r="X182" s="80"/>
    </row>
    <row r="183" spans="14:24" s="187" customFormat="1">
      <c r="N183" s="131"/>
      <c r="O183" s="131"/>
      <c r="P183" s="131"/>
      <c r="Q183" s="131"/>
      <c r="R183" s="131"/>
      <c r="S183" s="131"/>
      <c r="T183" s="131"/>
      <c r="U183" s="131"/>
      <c r="V183" s="131"/>
      <c r="W183" s="131"/>
      <c r="X183" s="80"/>
    </row>
    <row r="184" spans="14:24" s="187" customFormat="1">
      <c r="N184" s="131"/>
      <c r="O184" s="131"/>
      <c r="P184" s="131"/>
      <c r="Q184" s="131"/>
      <c r="R184" s="131"/>
      <c r="S184" s="131"/>
      <c r="T184" s="131"/>
      <c r="U184" s="131"/>
      <c r="V184" s="131"/>
      <c r="W184" s="131"/>
      <c r="X184" s="80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firstPageNumber="16" orientation="landscape" blackAndWhite="1" useFirstPageNumber="1" r:id="rId1"/>
  <headerFooter scaleWithDoc="0" alignWithMargins="0"/>
  <colBreaks count="1" manualBreakCount="1">
    <brk id="9" max="79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80"/>
  <sheetViews>
    <sheetView view="pageBreakPreview" zoomScale="90" zoomScaleNormal="100" zoomScaleSheetLayoutView="9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3" customWidth="1"/>
    <col min="2" max="9" width="10.875" style="187" customWidth="1"/>
    <col min="10" max="13" width="9" style="187" customWidth="1"/>
    <col min="14" max="17" width="7.75" style="131" customWidth="1"/>
    <col min="18" max="22" width="9" style="131" customWidth="1"/>
    <col min="23" max="23" width="3.875" style="131" customWidth="1"/>
    <col min="24" max="24" width="9" style="80"/>
    <col min="25" max="16384" width="9" style="153"/>
  </cols>
  <sheetData>
    <row r="1" spans="1:24" ht="15.95" customHeight="1" thickBot="1">
      <c r="A1" s="576" t="s">
        <v>953</v>
      </c>
      <c r="J1" s="576"/>
      <c r="M1" s="577"/>
      <c r="P1" s="563"/>
      <c r="Q1" s="563"/>
      <c r="R1" s="176"/>
      <c r="S1" s="176"/>
      <c r="T1" s="176"/>
      <c r="U1" s="294"/>
    </row>
    <row r="2" spans="1:24" s="580" customFormat="1" ht="16.5" customHeight="1" thickTop="1">
      <c r="A2" s="578"/>
      <c r="B2" s="1104" t="s">
        <v>317</v>
      </c>
      <c r="C2" s="1105"/>
      <c r="D2" s="1105"/>
      <c r="E2" s="1106"/>
      <c r="F2" s="1105" t="s">
        <v>318</v>
      </c>
      <c r="G2" s="1105"/>
      <c r="H2" s="1105"/>
      <c r="I2" s="1106"/>
      <c r="J2" s="1105" t="s">
        <v>319</v>
      </c>
      <c r="K2" s="1105"/>
      <c r="L2" s="1105"/>
      <c r="M2" s="1107"/>
      <c r="N2" s="1113" t="s">
        <v>320</v>
      </c>
      <c r="O2" s="1114"/>
      <c r="P2" s="1114"/>
      <c r="Q2" s="1115"/>
      <c r="R2" s="1116" t="s">
        <v>321</v>
      </c>
      <c r="S2" s="1116"/>
      <c r="T2" s="1117"/>
      <c r="U2" s="132" t="s">
        <v>322</v>
      </c>
      <c r="V2" s="133" t="s">
        <v>322</v>
      </c>
      <c r="W2" s="134"/>
      <c r="X2" s="579"/>
    </row>
    <row r="3" spans="1:24" s="588" customFormat="1" ht="16.5" customHeight="1">
      <c r="A3" s="188" t="s">
        <v>323</v>
      </c>
      <c r="B3" s="581" t="s">
        <v>324</v>
      </c>
      <c r="C3" s="581" t="s">
        <v>325</v>
      </c>
      <c r="D3" s="581" t="s">
        <v>326</v>
      </c>
      <c r="E3" s="855" t="s">
        <v>327</v>
      </c>
      <c r="F3" s="582" t="s">
        <v>191</v>
      </c>
      <c r="G3" s="581" t="s">
        <v>325</v>
      </c>
      <c r="H3" s="581" t="s">
        <v>326</v>
      </c>
      <c r="I3" s="998" t="s">
        <v>327</v>
      </c>
      <c r="J3" s="582" t="s">
        <v>324</v>
      </c>
      <c r="K3" s="581" t="s">
        <v>330</v>
      </c>
      <c r="L3" s="581" t="s">
        <v>326</v>
      </c>
      <c r="M3" s="581" t="s">
        <v>327</v>
      </c>
      <c r="N3" s="583" t="s">
        <v>401</v>
      </c>
      <c r="O3" s="584" t="s">
        <v>330</v>
      </c>
      <c r="P3" s="584" t="s">
        <v>326</v>
      </c>
      <c r="Q3" s="585" t="s">
        <v>327</v>
      </c>
      <c r="R3" s="584" t="s">
        <v>325</v>
      </c>
      <c r="S3" s="584" t="s">
        <v>326</v>
      </c>
      <c r="T3" s="585" t="s">
        <v>327</v>
      </c>
      <c r="U3" s="586" t="s">
        <v>332</v>
      </c>
      <c r="V3" s="587" t="s">
        <v>333</v>
      </c>
      <c r="W3" s="135"/>
      <c r="X3" s="116"/>
    </row>
    <row r="4" spans="1:24" s="597" customFormat="1" ht="11.25" customHeight="1">
      <c r="A4" s="189"/>
      <c r="B4" s="589" t="s">
        <v>189</v>
      </c>
      <c r="C4" s="589" t="s">
        <v>189</v>
      </c>
      <c r="D4" s="589" t="s">
        <v>189</v>
      </c>
      <c r="E4" s="856" t="s">
        <v>189</v>
      </c>
      <c r="F4" s="590" t="s">
        <v>189</v>
      </c>
      <c r="G4" s="589" t="s">
        <v>189</v>
      </c>
      <c r="H4" s="589" t="s">
        <v>189</v>
      </c>
      <c r="I4" s="856" t="s">
        <v>189</v>
      </c>
      <c r="J4" s="591" t="s">
        <v>189</v>
      </c>
      <c r="K4" s="589" t="s">
        <v>189</v>
      </c>
      <c r="L4" s="589" t="s">
        <v>189</v>
      </c>
      <c r="M4" s="589" t="s">
        <v>189</v>
      </c>
      <c r="N4" s="592" t="s">
        <v>71</v>
      </c>
      <c r="O4" s="593" t="s">
        <v>71</v>
      </c>
      <c r="P4" s="593" t="s">
        <v>71</v>
      </c>
      <c r="Q4" s="594" t="s">
        <v>71</v>
      </c>
      <c r="R4" s="593" t="s">
        <v>71</v>
      </c>
      <c r="S4" s="593" t="s">
        <v>71</v>
      </c>
      <c r="T4" s="594" t="s">
        <v>71</v>
      </c>
      <c r="U4" s="136" t="s">
        <v>179</v>
      </c>
      <c r="V4" s="595"/>
      <c r="W4" s="136"/>
      <c r="X4" s="596"/>
    </row>
    <row r="5" spans="1:24" ht="12.75" customHeight="1">
      <c r="A5" s="190" t="s">
        <v>402</v>
      </c>
      <c r="B5" s="138">
        <v>4651258</v>
      </c>
      <c r="C5" s="138">
        <v>519758</v>
      </c>
      <c r="D5" s="138">
        <v>2739826</v>
      </c>
      <c r="E5" s="857">
        <v>1293163</v>
      </c>
      <c r="F5" s="191">
        <v>4649422</v>
      </c>
      <c r="G5" s="192">
        <v>527585</v>
      </c>
      <c r="H5" s="192">
        <v>2737923</v>
      </c>
      <c r="I5" s="999">
        <v>1285402</v>
      </c>
      <c r="J5" s="137">
        <v>1836</v>
      </c>
      <c r="K5" s="138">
        <v>-7827</v>
      </c>
      <c r="L5" s="138">
        <v>1903</v>
      </c>
      <c r="M5" s="138">
        <v>7761</v>
      </c>
      <c r="N5" s="598">
        <v>3.9488779465490551E-2</v>
      </c>
      <c r="O5" s="598">
        <v>-1.4835524133551941</v>
      </c>
      <c r="P5" s="598">
        <v>6.9505241747119986E-2</v>
      </c>
      <c r="Q5" s="599">
        <v>0.60377998478297068</v>
      </c>
      <c r="R5" s="600">
        <v>11.4</v>
      </c>
      <c r="S5" s="600">
        <v>60.2</v>
      </c>
      <c r="T5" s="601">
        <v>28.4</v>
      </c>
      <c r="U5" s="602">
        <v>48.07</v>
      </c>
      <c r="V5" s="603">
        <v>248.8</v>
      </c>
      <c r="W5" s="139"/>
    </row>
    <row r="6" spans="1:24" ht="10.5" customHeight="1">
      <c r="A6" s="179"/>
      <c r="B6" s="141"/>
      <c r="C6" s="141"/>
      <c r="D6" s="141"/>
      <c r="E6" s="858"/>
      <c r="F6" s="193"/>
      <c r="G6" s="194"/>
      <c r="H6" s="194"/>
      <c r="I6" s="1000"/>
      <c r="J6" s="195"/>
      <c r="K6" s="196"/>
      <c r="L6" s="196"/>
      <c r="M6" s="196"/>
      <c r="N6" s="197"/>
      <c r="O6" s="198"/>
      <c r="P6" s="198"/>
      <c r="Q6" s="199"/>
      <c r="R6" s="145"/>
      <c r="S6" s="145"/>
      <c r="T6" s="146"/>
      <c r="U6" s="182"/>
      <c r="V6" s="200"/>
      <c r="W6" s="147"/>
    </row>
    <row r="7" spans="1:24" s="607" customFormat="1" ht="12.75" customHeight="1">
      <c r="A7" s="201" t="s">
        <v>335</v>
      </c>
      <c r="B7" s="138">
        <v>1909704</v>
      </c>
      <c r="C7" s="138">
        <v>211499</v>
      </c>
      <c r="D7" s="138">
        <v>1136614</v>
      </c>
      <c r="E7" s="857">
        <v>516522</v>
      </c>
      <c r="F7" s="191">
        <v>1909905</v>
      </c>
      <c r="G7" s="192">
        <v>214592</v>
      </c>
      <c r="H7" s="192">
        <v>1136613</v>
      </c>
      <c r="I7" s="999">
        <v>513631</v>
      </c>
      <c r="J7" s="604">
        <v>-201</v>
      </c>
      <c r="K7" s="605">
        <v>-3093</v>
      </c>
      <c r="L7" s="605">
        <v>1</v>
      </c>
      <c r="M7" s="605">
        <v>2891</v>
      </c>
      <c r="N7" s="598">
        <v>-1.0524083658611292E-2</v>
      </c>
      <c r="O7" s="598">
        <v>-1.4413398449150014</v>
      </c>
      <c r="P7" s="598">
        <v>8.7980693516614709E-5</v>
      </c>
      <c r="Q7" s="599">
        <v>0.56285543512755265</v>
      </c>
      <c r="R7" s="600">
        <v>11.3</v>
      </c>
      <c r="S7" s="600">
        <v>61</v>
      </c>
      <c r="T7" s="601">
        <v>27.7</v>
      </c>
      <c r="U7" s="602">
        <v>47.93</v>
      </c>
      <c r="V7" s="603">
        <v>244.2</v>
      </c>
      <c r="W7" s="139"/>
      <c r="X7" s="606"/>
    </row>
    <row r="8" spans="1:24" ht="12.75" customHeight="1">
      <c r="A8" s="151" t="s">
        <v>336</v>
      </c>
      <c r="B8" s="141">
        <v>143245</v>
      </c>
      <c r="C8" s="141">
        <v>17466</v>
      </c>
      <c r="D8" s="141">
        <v>88408</v>
      </c>
      <c r="E8" s="858">
        <v>33692</v>
      </c>
      <c r="F8" s="202">
        <v>143865</v>
      </c>
      <c r="G8" s="203">
        <v>17801</v>
      </c>
      <c r="H8" s="203">
        <v>88848</v>
      </c>
      <c r="I8" s="1001">
        <v>33537</v>
      </c>
      <c r="J8" s="195">
        <v>-620</v>
      </c>
      <c r="K8" s="196">
        <v>-335</v>
      </c>
      <c r="L8" s="196">
        <v>-440</v>
      </c>
      <c r="M8" s="196">
        <v>155</v>
      </c>
      <c r="N8" s="197">
        <v>-0.4309595801619574</v>
      </c>
      <c r="O8" s="197">
        <v>-1.8819167462502107</v>
      </c>
      <c r="P8" s="197">
        <v>-0.49522780479020351</v>
      </c>
      <c r="Q8" s="199">
        <v>0.46217610400453235</v>
      </c>
      <c r="R8" s="145">
        <v>12.5</v>
      </c>
      <c r="S8" s="145">
        <v>63.3</v>
      </c>
      <c r="T8" s="146">
        <v>24.1</v>
      </c>
      <c r="U8" s="204">
        <v>45.72</v>
      </c>
      <c r="V8" s="200">
        <v>192.9</v>
      </c>
      <c r="W8" s="147"/>
    </row>
    <row r="9" spans="1:24" ht="12.75" customHeight="1">
      <c r="A9" s="151" t="s">
        <v>337</v>
      </c>
      <c r="B9" s="141">
        <v>121283</v>
      </c>
      <c r="C9" s="141">
        <v>12974</v>
      </c>
      <c r="D9" s="141">
        <v>75650</v>
      </c>
      <c r="E9" s="858">
        <v>29428</v>
      </c>
      <c r="F9" s="202">
        <v>121166</v>
      </c>
      <c r="G9" s="203">
        <v>13180</v>
      </c>
      <c r="H9" s="203">
        <v>75485</v>
      </c>
      <c r="I9" s="1001">
        <v>29270</v>
      </c>
      <c r="J9" s="195">
        <v>117</v>
      </c>
      <c r="K9" s="196">
        <v>-206</v>
      </c>
      <c r="L9" s="196">
        <v>165</v>
      </c>
      <c r="M9" s="196">
        <v>158</v>
      </c>
      <c r="N9" s="197">
        <v>9.6561741742733104E-2</v>
      </c>
      <c r="O9" s="197">
        <v>-1.5629742033383915</v>
      </c>
      <c r="P9" s="197">
        <v>0.21858647413393389</v>
      </c>
      <c r="Q9" s="199">
        <v>0.53980184489238137</v>
      </c>
      <c r="R9" s="145">
        <v>11</v>
      </c>
      <c r="S9" s="145">
        <v>64.099999999999994</v>
      </c>
      <c r="T9" s="146">
        <v>24.9</v>
      </c>
      <c r="U9" s="204">
        <v>46.45</v>
      </c>
      <c r="V9" s="200">
        <v>226.8</v>
      </c>
      <c r="W9" s="147"/>
    </row>
    <row r="10" spans="1:24" ht="12.75" customHeight="1">
      <c r="A10" s="151" t="s">
        <v>338</v>
      </c>
      <c r="B10" s="141">
        <v>51719</v>
      </c>
      <c r="C10" s="141">
        <v>5538</v>
      </c>
      <c r="D10" s="141">
        <v>34164</v>
      </c>
      <c r="E10" s="858">
        <v>11143</v>
      </c>
      <c r="F10" s="202">
        <v>51697</v>
      </c>
      <c r="G10" s="203">
        <v>5584</v>
      </c>
      <c r="H10" s="203">
        <v>34087</v>
      </c>
      <c r="I10" s="1001">
        <v>11152</v>
      </c>
      <c r="J10" s="195">
        <v>22</v>
      </c>
      <c r="K10" s="196">
        <v>-46</v>
      </c>
      <c r="L10" s="196">
        <v>77</v>
      </c>
      <c r="M10" s="196">
        <v>-9</v>
      </c>
      <c r="N10" s="197">
        <v>4.2555660870069831E-2</v>
      </c>
      <c r="O10" s="197">
        <v>-0.82378223495701997</v>
      </c>
      <c r="P10" s="197">
        <v>0.22589256901458035</v>
      </c>
      <c r="Q10" s="199">
        <v>-8.0703012912482067E-2</v>
      </c>
      <c r="R10" s="145">
        <v>10.9</v>
      </c>
      <c r="S10" s="145">
        <v>67.2</v>
      </c>
      <c r="T10" s="146">
        <v>21.9</v>
      </c>
      <c r="U10" s="204">
        <v>45.59</v>
      </c>
      <c r="V10" s="200">
        <v>201.2</v>
      </c>
      <c r="W10" s="147"/>
    </row>
    <row r="11" spans="1:24" ht="12.75" customHeight="1">
      <c r="A11" s="151" t="s">
        <v>339</v>
      </c>
      <c r="B11" s="141">
        <v>73796</v>
      </c>
      <c r="C11" s="141">
        <v>6899</v>
      </c>
      <c r="D11" s="141">
        <v>44523</v>
      </c>
      <c r="E11" s="858">
        <v>17086</v>
      </c>
      <c r="F11" s="202">
        <v>74277</v>
      </c>
      <c r="G11" s="203">
        <v>7087</v>
      </c>
      <c r="H11" s="203">
        <v>44827</v>
      </c>
      <c r="I11" s="1001">
        <v>17075</v>
      </c>
      <c r="J11" s="195">
        <v>-481</v>
      </c>
      <c r="K11" s="196">
        <v>-188</v>
      </c>
      <c r="L11" s="196">
        <v>-304</v>
      </c>
      <c r="M11" s="196">
        <v>11</v>
      </c>
      <c r="N11" s="197">
        <v>-0.64757596564212339</v>
      </c>
      <c r="O11" s="197">
        <v>-2.652744461690419</v>
      </c>
      <c r="P11" s="197">
        <v>-0.67816271443549647</v>
      </c>
      <c r="Q11" s="199">
        <v>6.4421669106881407E-2</v>
      </c>
      <c r="R11" s="145">
        <v>10.1</v>
      </c>
      <c r="S11" s="145">
        <v>65</v>
      </c>
      <c r="T11" s="146">
        <v>24.9</v>
      </c>
      <c r="U11" s="204">
        <v>48.06</v>
      </c>
      <c r="V11" s="200">
        <v>247.7</v>
      </c>
      <c r="W11" s="147"/>
    </row>
    <row r="12" spans="1:24" ht="12.75" customHeight="1">
      <c r="A12" s="151" t="s">
        <v>340</v>
      </c>
      <c r="B12" s="141">
        <v>98953</v>
      </c>
      <c r="C12" s="141">
        <v>9065</v>
      </c>
      <c r="D12" s="141">
        <v>58715</v>
      </c>
      <c r="E12" s="858">
        <v>28568</v>
      </c>
      <c r="F12" s="202">
        <v>99230</v>
      </c>
      <c r="G12" s="203">
        <v>9304</v>
      </c>
      <c r="H12" s="203">
        <v>58744</v>
      </c>
      <c r="I12" s="1001">
        <v>28577</v>
      </c>
      <c r="J12" s="195">
        <v>-277</v>
      </c>
      <c r="K12" s="196">
        <v>-239</v>
      </c>
      <c r="L12" s="196">
        <v>-29</v>
      </c>
      <c r="M12" s="196">
        <v>-9</v>
      </c>
      <c r="N12" s="197">
        <v>-0.27914945077093622</v>
      </c>
      <c r="O12" s="197">
        <v>-2.5687876182287188</v>
      </c>
      <c r="P12" s="197">
        <v>-4.9366743837668522E-2</v>
      </c>
      <c r="Q12" s="199">
        <v>-3.1493858697553972E-2</v>
      </c>
      <c r="R12" s="145">
        <v>9.4</v>
      </c>
      <c r="S12" s="145">
        <v>60.9</v>
      </c>
      <c r="T12" s="146">
        <v>29.7</v>
      </c>
      <c r="U12" s="204">
        <v>49.27</v>
      </c>
      <c r="V12" s="200">
        <v>315.10000000000002</v>
      </c>
      <c r="W12" s="147"/>
    </row>
    <row r="13" spans="1:24" ht="12.75" customHeight="1">
      <c r="A13" s="151" t="s">
        <v>403</v>
      </c>
      <c r="B13" s="141">
        <v>105420</v>
      </c>
      <c r="C13" s="141">
        <v>10469</v>
      </c>
      <c r="D13" s="141">
        <v>60685</v>
      </c>
      <c r="E13" s="858">
        <v>30784</v>
      </c>
      <c r="F13" s="202">
        <v>105798</v>
      </c>
      <c r="G13" s="203">
        <v>10667</v>
      </c>
      <c r="H13" s="203">
        <v>60905</v>
      </c>
      <c r="I13" s="1001">
        <v>30744</v>
      </c>
      <c r="J13" s="195">
        <v>-378</v>
      </c>
      <c r="K13" s="196">
        <v>-198</v>
      </c>
      <c r="L13" s="196">
        <v>-220</v>
      </c>
      <c r="M13" s="196">
        <v>40</v>
      </c>
      <c r="N13" s="197">
        <v>-0.35728463676061928</v>
      </c>
      <c r="O13" s="197">
        <v>-1.8561919940001874</v>
      </c>
      <c r="P13" s="197">
        <v>-0.36121829078072404</v>
      </c>
      <c r="Q13" s="199">
        <v>0.13010668748373666</v>
      </c>
      <c r="R13" s="145">
        <v>10.3</v>
      </c>
      <c r="S13" s="145">
        <v>59.5</v>
      </c>
      <c r="T13" s="146">
        <v>30.2</v>
      </c>
      <c r="U13" s="204">
        <v>49.31</v>
      </c>
      <c r="V13" s="200">
        <v>294</v>
      </c>
      <c r="W13" s="147"/>
    </row>
    <row r="14" spans="1:24" ht="12.75" customHeight="1">
      <c r="A14" s="151" t="s">
        <v>342</v>
      </c>
      <c r="B14" s="141">
        <v>84515</v>
      </c>
      <c r="C14" s="141">
        <v>9081</v>
      </c>
      <c r="D14" s="141">
        <v>46958</v>
      </c>
      <c r="E14" s="858">
        <v>25464</v>
      </c>
      <c r="F14" s="202">
        <v>84658</v>
      </c>
      <c r="G14" s="203">
        <v>9134</v>
      </c>
      <c r="H14" s="203">
        <v>47067</v>
      </c>
      <c r="I14" s="1001">
        <v>25445</v>
      </c>
      <c r="J14" s="195">
        <v>-143</v>
      </c>
      <c r="K14" s="196">
        <v>-53</v>
      </c>
      <c r="L14" s="196">
        <v>-109</v>
      </c>
      <c r="M14" s="196">
        <v>19</v>
      </c>
      <c r="N14" s="197">
        <v>-0.16891492829974722</v>
      </c>
      <c r="O14" s="197">
        <v>-0.58024961681629084</v>
      </c>
      <c r="P14" s="197">
        <v>-0.23158476214757687</v>
      </c>
      <c r="Q14" s="199">
        <v>7.4670858714875221E-2</v>
      </c>
      <c r="R14" s="145">
        <v>11.1</v>
      </c>
      <c r="S14" s="145">
        <v>57.6</v>
      </c>
      <c r="T14" s="146">
        <v>31.2</v>
      </c>
      <c r="U14" s="204">
        <v>49.69</v>
      </c>
      <c r="V14" s="200">
        <v>280.39999999999998</v>
      </c>
      <c r="W14" s="147"/>
    </row>
    <row r="15" spans="1:24" ht="12.75" customHeight="1">
      <c r="A15" s="151" t="s">
        <v>343</v>
      </c>
      <c r="B15" s="141">
        <v>101526</v>
      </c>
      <c r="C15" s="141">
        <v>10162</v>
      </c>
      <c r="D15" s="141">
        <v>56235</v>
      </c>
      <c r="E15" s="858">
        <v>32657</v>
      </c>
      <c r="F15" s="202">
        <v>101772</v>
      </c>
      <c r="G15" s="203">
        <v>10505</v>
      </c>
      <c r="H15" s="203">
        <v>56364</v>
      </c>
      <c r="I15" s="1001">
        <v>32431</v>
      </c>
      <c r="J15" s="195">
        <v>-246</v>
      </c>
      <c r="K15" s="196">
        <v>-343</v>
      </c>
      <c r="L15" s="196">
        <v>-129</v>
      </c>
      <c r="M15" s="196">
        <v>226</v>
      </c>
      <c r="N15" s="197">
        <v>-0.24171677868175925</v>
      </c>
      <c r="O15" s="197">
        <v>-3.2651118514992863</v>
      </c>
      <c r="P15" s="197">
        <v>-0.22886949116457314</v>
      </c>
      <c r="Q15" s="199">
        <v>0.69686411149825789</v>
      </c>
      <c r="R15" s="145">
        <v>10.3</v>
      </c>
      <c r="S15" s="145">
        <v>56.8</v>
      </c>
      <c r="T15" s="146">
        <v>33</v>
      </c>
      <c r="U15" s="204">
        <v>50.41</v>
      </c>
      <c r="V15" s="200">
        <v>321.39999999999998</v>
      </c>
      <c r="W15" s="147"/>
    </row>
    <row r="16" spans="1:24" ht="12.75" customHeight="1">
      <c r="A16" s="151" t="s">
        <v>344</v>
      </c>
      <c r="B16" s="141">
        <v>180186</v>
      </c>
      <c r="C16" s="141">
        <v>21085</v>
      </c>
      <c r="D16" s="141">
        <v>114830</v>
      </c>
      <c r="E16" s="858">
        <v>39042</v>
      </c>
      <c r="F16" s="202">
        <v>179442</v>
      </c>
      <c r="G16" s="203">
        <v>21046</v>
      </c>
      <c r="H16" s="203">
        <v>114394</v>
      </c>
      <c r="I16" s="1001">
        <v>38773</v>
      </c>
      <c r="J16" s="195">
        <v>744</v>
      </c>
      <c r="K16" s="196">
        <v>39</v>
      </c>
      <c r="L16" s="196">
        <v>436</v>
      </c>
      <c r="M16" s="196">
        <v>269</v>
      </c>
      <c r="N16" s="197">
        <v>0.41461865115190422</v>
      </c>
      <c r="O16" s="197">
        <v>0.18530837213722323</v>
      </c>
      <c r="P16" s="197">
        <v>0.38113887091980347</v>
      </c>
      <c r="Q16" s="199">
        <v>0.69378175534521436</v>
      </c>
      <c r="R16" s="145">
        <v>12.1</v>
      </c>
      <c r="S16" s="145">
        <v>65.599999999999994</v>
      </c>
      <c r="T16" s="146">
        <v>22.3</v>
      </c>
      <c r="U16" s="204">
        <v>45.11</v>
      </c>
      <c r="V16" s="200">
        <v>185.2</v>
      </c>
      <c r="W16" s="147"/>
    </row>
    <row r="17" spans="1:24" ht="12.75" customHeight="1">
      <c r="A17" s="151" t="s">
        <v>345</v>
      </c>
      <c r="B17" s="141">
        <v>145664</v>
      </c>
      <c r="C17" s="141">
        <v>17509</v>
      </c>
      <c r="D17" s="141">
        <v>84287</v>
      </c>
      <c r="E17" s="858">
        <v>41116</v>
      </c>
      <c r="F17" s="202">
        <v>145462</v>
      </c>
      <c r="G17" s="203">
        <v>17886</v>
      </c>
      <c r="H17" s="203">
        <v>84055</v>
      </c>
      <c r="I17" s="1001">
        <v>40769</v>
      </c>
      <c r="J17" s="195">
        <v>202</v>
      </c>
      <c r="K17" s="196">
        <v>-377</v>
      </c>
      <c r="L17" s="196">
        <v>232</v>
      </c>
      <c r="M17" s="196">
        <v>347</v>
      </c>
      <c r="N17" s="197">
        <v>0.13886788302099518</v>
      </c>
      <c r="O17" s="197">
        <v>-2.1077938052107794</v>
      </c>
      <c r="P17" s="197">
        <v>0.27600975551722085</v>
      </c>
      <c r="Q17" s="199">
        <v>0.85113689322769748</v>
      </c>
      <c r="R17" s="145">
        <v>12.3</v>
      </c>
      <c r="S17" s="145">
        <v>59</v>
      </c>
      <c r="T17" s="146">
        <v>28.8</v>
      </c>
      <c r="U17" s="204">
        <v>47.91</v>
      </c>
      <c r="V17" s="200">
        <v>234.8</v>
      </c>
      <c r="W17" s="147"/>
    </row>
    <row r="18" spans="1:24" ht="12.75" customHeight="1">
      <c r="A18" s="151" t="s">
        <v>346</v>
      </c>
      <c r="B18" s="141">
        <v>110322</v>
      </c>
      <c r="C18" s="141">
        <v>11369</v>
      </c>
      <c r="D18" s="141">
        <v>62642</v>
      </c>
      <c r="E18" s="858">
        <v>34766</v>
      </c>
      <c r="F18" s="202">
        <v>110185</v>
      </c>
      <c r="G18" s="203">
        <v>11433</v>
      </c>
      <c r="H18" s="203">
        <v>62620</v>
      </c>
      <c r="I18" s="1001">
        <v>34587</v>
      </c>
      <c r="J18" s="195">
        <v>137</v>
      </c>
      <c r="K18" s="196">
        <v>-64</v>
      </c>
      <c r="L18" s="196">
        <v>22</v>
      </c>
      <c r="M18" s="196">
        <v>179</v>
      </c>
      <c r="N18" s="197">
        <v>0.12433634342242592</v>
      </c>
      <c r="O18" s="197">
        <v>-0.55978308405492871</v>
      </c>
      <c r="P18" s="197">
        <v>3.5132545512615777E-2</v>
      </c>
      <c r="Q18" s="199">
        <v>0.51753549021308587</v>
      </c>
      <c r="R18" s="145">
        <v>10.5</v>
      </c>
      <c r="S18" s="145">
        <v>57.6</v>
      </c>
      <c r="T18" s="146">
        <v>32</v>
      </c>
      <c r="U18" s="204">
        <v>50.17</v>
      </c>
      <c r="V18" s="200">
        <v>305.8</v>
      </c>
      <c r="W18" s="147"/>
    </row>
    <row r="19" spans="1:24" ht="12.75" customHeight="1">
      <c r="A19" s="151" t="s">
        <v>347</v>
      </c>
      <c r="B19" s="141">
        <v>125960</v>
      </c>
      <c r="C19" s="141">
        <v>13350</v>
      </c>
      <c r="D19" s="141">
        <v>69257</v>
      </c>
      <c r="E19" s="858">
        <v>41118</v>
      </c>
      <c r="F19" s="202">
        <v>126715</v>
      </c>
      <c r="G19" s="203">
        <v>13561</v>
      </c>
      <c r="H19" s="203">
        <v>69810</v>
      </c>
      <c r="I19" s="1001">
        <v>41109</v>
      </c>
      <c r="J19" s="195">
        <v>-755</v>
      </c>
      <c r="K19" s="196">
        <v>-211</v>
      </c>
      <c r="L19" s="196">
        <v>-553</v>
      </c>
      <c r="M19" s="196">
        <v>9</v>
      </c>
      <c r="N19" s="197">
        <v>-0.59582527719685918</v>
      </c>
      <c r="O19" s="197">
        <v>-1.5559324533588967</v>
      </c>
      <c r="P19" s="197">
        <v>-0.7921501217590603</v>
      </c>
      <c r="Q19" s="199">
        <v>2.1893016127855214E-2</v>
      </c>
      <c r="R19" s="145">
        <v>10.8</v>
      </c>
      <c r="S19" s="145">
        <v>56</v>
      </c>
      <c r="T19" s="146">
        <v>33.200000000000003</v>
      </c>
      <c r="U19" s="204">
        <v>50.63</v>
      </c>
      <c r="V19" s="200">
        <v>308</v>
      </c>
      <c r="W19" s="147"/>
    </row>
    <row r="20" spans="1:24" ht="12.75" customHeight="1">
      <c r="A20" s="151" t="s">
        <v>348</v>
      </c>
      <c r="B20" s="141">
        <v>93195</v>
      </c>
      <c r="C20" s="141">
        <v>11026</v>
      </c>
      <c r="D20" s="141">
        <v>55530</v>
      </c>
      <c r="E20" s="858">
        <v>25423</v>
      </c>
      <c r="F20" s="202">
        <v>93078</v>
      </c>
      <c r="G20" s="203">
        <v>11209</v>
      </c>
      <c r="H20" s="203">
        <v>55468</v>
      </c>
      <c r="I20" s="1001">
        <v>25185</v>
      </c>
      <c r="J20" s="195">
        <v>117</v>
      </c>
      <c r="K20" s="196">
        <v>-183</v>
      </c>
      <c r="L20" s="196">
        <v>62</v>
      </c>
      <c r="M20" s="196">
        <v>238</v>
      </c>
      <c r="N20" s="197">
        <v>0.12570102494681878</v>
      </c>
      <c r="O20" s="197">
        <v>-1.6326166473369614</v>
      </c>
      <c r="P20" s="197">
        <v>0.11177615922694166</v>
      </c>
      <c r="Q20" s="199">
        <v>0.94500694858050427</v>
      </c>
      <c r="R20" s="145">
        <v>12</v>
      </c>
      <c r="S20" s="145">
        <v>60.4</v>
      </c>
      <c r="T20" s="146">
        <v>27.6</v>
      </c>
      <c r="U20" s="204">
        <v>47.57</v>
      </c>
      <c r="V20" s="200">
        <v>230.6</v>
      </c>
      <c r="W20" s="147"/>
    </row>
    <row r="21" spans="1:24" ht="12.75" customHeight="1">
      <c r="A21" s="151" t="s">
        <v>349</v>
      </c>
      <c r="B21" s="141">
        <v>63043</v>
      </c>
      <c r="C21" s="141">
        <v>6594</v>
      </c>
      <c r="D21" s="141">
        <v>35416</v>
      </c>
      <c r="E21" s="858">
        <v>19755</v>
      </c>
      <c r="F21" s="202">
        <v>63202</v>
      </c>
      <c r="G21" s="203">
        <v>6864</v>
      </c>
      <c r="H21" s="203">
        <v>35384</v>
      </c>
      <c r="I21" s="1001">
        <v>19676</v>
      </c>
      <c r="J21" s="195">
        <v>-159</v>
      </c>
      <c r="K21" s="196">
        <v>-270</v>
      </c>
      <c r="L21" s="196">
        <v>32</v>
      </c>
      <c r="M21" s="196">
        <v>79</v>
      </c>
      <c r="N21" s="197">
        <v>-0.25157431726844087</v>
      </c>
      <c r="O21" s="197">
        <v>-3.9335664335664338</v>
      </c>
      <c r="P21" s="197">
        <v>9.0436355414876782E-2</v>
      </c>
      <c r="Q21" s="199">
        <v>0.40150437080707463</v>
      </c>
      <c r="R21" s="145">
        <v>10.7</v>
      </c>
      <c r="S21" s="145">
        <v>57.3</v>
      </c>
      <c r="T21" s="146">
        <v>32</v>
      </c>
      <c r="U21" s="204">
        <v>49.88</v>
      </c>
      <c r="V21" s="200">
        <v>299.60000000000002</v>
      </c>
      <c r="W21" s="147"/>
    </row>
    <row r="22" spans="1:24" ht="12.75" customHeight="1">
      <c r="A22" s="151" t="s">
        <v>350</v>
      </c>
      <c r="B22" s="141">
        <v>61848</v>
      </c>
      <c r="C22" s="141">
        <v>6380</v>
      </c>
      <c r="D22" s="141">
        <v>33714</v>
      </c>
      <c r="E22" s="858">
        <v>21020</v>
      </c>
      <c r="F22" s="202">
        <v>61591</v>
      </c>
      <c r="G22" s="203">
        <v>6469</v>
      </c>
      <c r="H22" s="203">
        <v>33473</v>
      </c>
      <c r="I22" s="1001">
        <v>20915</v>
      </c>
      <c r="J22" s="195">
        <v>257</v>
      </c>
      <c r="K22" s="196">
        <v>-89</v>
      </c>
      <c r="L22" s="196">
        <v>241</v>
      </c>
      <c r="M22" s="196">
        <v>105</v>
      </c>
      <c r="N22" s="197">
        <v>0.41726875679888292</v>
      </c>
      <c r="O22" s="197">
        <v>-1.3757922399134335</v>
      </c>
      <c r="P22" s="197">
        <v>0.71998327009828822</v>
      </c>
      <c r="Q22" s="199">
        <v>0.50203203442505373</v>
      </c>
      <c r="R22" s="145">
        <v>10.4</v>
      </c>
      <c r="S22" s="145">
        <v>55.2</v>
      </c>
      <c r="T22" s="146">
        <v>34.4</v>
      </c>
      <c r="U22" s="204">
        <v>50.87</v>
      </c>
      <c r="V22" s="200">
        <v>329.5</v>
      </c>
      <c r="W22" s="147"/>
    </row>
    <row r="23" spans="1:24" ht="12.75" customHeight="1">
      <c r="A23" s="151" t="s">
        <v>351</v>
      </c>
      <c r="B23" s="141">
        <v>78398</v>
      </c>
      <c r="C23" s="141">
        <v>8505</v>
      </c>
      <c r="D23" s="141">
        <v>44136</v>
      </c>
      <c r="E23" s="858">
        <v>24763</v>
      </c>
      <c r="F23" s="202">
        <v>78438</v>
      </c>
      <c r="G23" s="203">
        <v>8531</v>
      </c>
      <c r="H23" s="203">
        <v>44234</v>
      </c>
      <c r="I23" s="1001">
        <v>24679</v>
      </c>
      <c r="J23" s="195">
        <v>-40</v>
      </c>
      <c r="K23" s="196">
        <v>-26</v>
      </c>
      <c r="L23" s="196">
        <v>-98</v>
      </c>
      <c r="M23" s="196">
        <v>84</v>
      </c>
      <c r="N23" s="197">
        <v>-5.0995690864121979E-2</v>
      </c>
      <c r="O23" s="197">
        <v>-0.30477083577540737</v>
      </c>
      <c r="P23" s="197">
        <v>-0.22154903467920603</v>
      </c>
      <c r="Q23" s="199">
        <v>0.34037035536285909</v>
      </c>
      <c r="R23" s="145">
        <v>11</v>
      </c>
      <c r="S23" s="145">
        <v>57</v>
      </c>
      <c r="T23" s="146">
        <v>32</v>
      </c>
      <c r="U23" s="204">
        <v>49.94</v>
      </c>
      <c r="V23" s="200">
        <v>291.2</v>
      </c>
      <c r="W23" s="147"/>
    </row>
    <row r="24" spans="1:24" ht="12.75" customHeight="1">
      <c r="A24" s="151" t="s">
        <v>352</v>
      </c>
      <c r="B24" s="141">
        <v>161010</v>
      </c>
      <c r="C24" s="141">
        <v>18802</v>
      </c>
      <c r="D24" s="141">
        <v>101133</v>
      </c>
      <c r="E24" s="858">
        <v>38561</v>
      </c>
      <c r="F24" s="202">
        <v>160620</v>
      </c>
      <c r="G24" s="203">
        <v>18937</v>
      </c>
      <c r="H24" s="203">
        <v>101120</v>
      </c>
      <c r="I24" s="1001">
        <v>38049</v>
      </c>
      <c r="J24" s="195">
        <v>390</v>
      </c>
      <c r="K24" s="196">
        <v>-135</v>
      </c>
      <c r="L24" s="196">
        <v>13</v>
      </c>
      <c r="M24" s="196">
        <v>512</v>
      </c>
      <c r="N24" s="197">
        <v>0.24280911468061261</v>
      </c>
      <c r="O24" s="197">
        <v>-0.71289010930981667</v>
      </c>
      <c r="P24" s="197">
        <v>1.2856012658227849E-2</v>
      </c>
      <c r="Q24" s="199">
        <v>1.3456332623722043</v>
      </c>
      <c r="R24" s="145">
        <v>11.9</v>
      </c>
      <c r="S24" s="145">
        <v>63.8</v>
      </c>
      <c r="T24" s="146">
        <v>24.3</v>
      </c>
      <c r="U24" s="204">
        <v>46.71</v>
      </c>
      <c r="V24" s="200">
        <v>205.1</v>
      </c>
      <c r="W24" s="147"/>
    </row>
    <row r="25" spans="1:24" ht="12.75" customHeight="1">
      <c r="A25" s="151" t="s">
        <v>353</v>
      </c>
      <c r="B25" s="141">
        <v>109621</v>
      </c>
      <c r="C25" s="141">
        <v>15225</v>
      </c>
      <c r="D25" s="141">
        <v>70331</v>
      </c>
      <c r="E25" s="858">
        <v>22136</v>
      </c>
      <c r="F25" s="202">
        <v>108709</v>
      </c>
      <c r="G25" s="203">
        <v>15394</v>
      </c>
      <c r="H25" s="203">
        <v>69728</v>
      </c>
      <c r="I25" s="1001">
        <v>21658</v>
      </c>
      <c r="J25" s="195">
        <v>912</v>
      </c>
      <c r="K25" s="196">
        <v>-169</v>
      </c>
      <c r="L25" s="196">
        <v>603</v>
      </c>
      <c r="M25" s="196">
        <v>478</v>
      </c>
      <c r="N25" s="197">
        <v>0.83893697853903537</v>
      </c>
      <c r="O25" s="197">
        <v>-1.0978303235026634</v>
      </c>
      <c r="P25" s="197">
        <v>0.86478889398806791</v>
      </c>
      <c r="Q25" s="199">
        <v>2.2070366608181735</v>
      </c>
      <c r="R25" s="145">
        <v>14.1</v>
      </c>
      <c r="S25" s="145">
        <v>65.3</v>
      </c>
      <c r="T25" s="146">
        <v>20.6</v>
      </c>
      <c r="U25" s="204">
        <v>44.44</v>
      </c>
      <c r="V25" s="200">
        <v>145.4</v>
      </c>
      <c r="W25" s="147"/>
    </row>
    <row r="26" spans="1:24" ht="9" customHeight="1">
      <c r="A26" s="151"/>
      <c r="B26" s="141"/>
      <c r="C26" s="141"/>
      <c r="D26" s="141"/>
      <c r="E26" s="858"/>
      <c r="F26" s="202"/>
      <c r="G26" s="203"/>
      <c r="H26" s="203"/>
      <c r="I26" s="1001"/>
      <c r="J26" s="195"/>
      <c r="K26" s="196"/>
      <c r="L26" s="196"/>
      <c r="M26" s="196"/>
      <c r="N26" s="197"/>
      <c r="O26" s="198"/>
      <c r="P26" s="198"/>
      <c r="Q26" s="199"/>
      <c r="R26" s="145"/>
      <c r="S26" s="145"/>
      <c r="T26" s="146"/>
      <c r="U26" s="204"/>
      <c r="V26" s="200"/>
      <c r="W26" s="147"/>
    </row>
    <row r="27" spans="1:24" s="607" customFormat="1" ht="12.75" customHeight="1">
      <c r="A27" s="205" t="s">
        <v>354</v>
      </c>
      <c r="B27" s="155">
        <v>763923</v>
      </c>
      <c r="C27" s="155">
        <v>90745</v>
      </c>
      <c r="D27" s="155">
        <v>482611</v>
      </c>
      <c r="E27" s="859">
        <v>168632</v>
      </c>
      <c r="F27" s="191">
        <v>762632</v>
      </c>
      <c r="G27" s="192">
        <v>92038</v>
      </c>
      <c r="H27" s="192">
        <v>481233</v>
      </c>
      <c r="I27" s="999">
        <v>167426</v>
      </c>
      <c r="J27" s="604">
        <v>1291</v>
      </c>
      <c r="K27" s="608">
        <v>-1293</v>
      </c>
      <c r="L27" s="608">
        <v>1378</v>
      </c>
      <c r="M27" s="608">
        <v>1206</v>
      </c>
      <c r="N27" s="609">
        <v>0.16928217016857408</v>
      </c>
      <c r="O27" s="609">
        <v>-1.4048545166127036</v>
      </c>
      <c r="P27" s="609">
        <v>0.28634777747993179</v>
      </c>
      <c r="Q27" s="610">
        <v>0.7203182301434663</v>
      </c>
      <c r="R27" s="611">
        <v>12.2</v>
      </c>
      <c r="S27" s="611">
        <v>65</v>
      </c>
      <c r="T27" s="612">
        <v>22.7</v>
      </c>
      <c r="U27" s="613">
        <v>45.06</v>
      </c>
      <c r="V27" s="614">
        <v>185.8</v>
      </c>
      <c r="W27" s="156"/>
      <c r="X27" s="606"/>
    </row>
    <row r="28" spans="1:24" ht="12.75" customHeight="1">
      <c r="A28" s="151" t="s">
        <v>355</v>
      </c>
      <c r="B28" s="141">
        <v>106718</v>
      </c>
      <c r="C28" s="141">
        <v>11581</v>
      </c>
      <c r="D28" s="141">
        <v>64365</v>
      </c>
      <c r="E28" s="858">
        <v>26171</v>
      </c>
      <c r="F28" s="202">
        <v>107705</v>
      </c>
      <c r="G28" s="203">
        <v>11920</v>
      </c>
      <c r="H28" s="203">
        <v>64971</v>
      </c>
      <c r="I28" s="1001">
        <v>26213</v>
      </c>
      <c r="J28" s="195">
        <v>-987</v>
      </c>
      <c r="K28" s="196">
        <v>-339</v>
      </c>
      <c r="L28" s="196">
        <v>-606</v>
      </c>
      <c r="M28" s="196">
        <v>-42</v>
      </c>
      <c r="N28" s="197">
        <v>-0.91639199665753679</v>
      </c>
      <c r="O28" s="197">
        <v>-2.8439597315436238</v>
      </c>
      <c r="P28" s="197">
        <v>-0.93272383063212827</v>
      </c>
      <c r="Q28" s="199">
        <v>-0.1602258421393965</v>
      </c>
      <c r="R28" s="145">
        <v>11.3</v>
      </c>
      <c r="S28" s="145">
        <v>63</v>
      </c>
      <c r="T28" s="146">
        <v>25.6</v>
      </c>
      <c r="U28" s="204">
        <v>46.59</v>
      </c>
      <c r="V28" s="200">
        <v>226</v>
      </c>
      <c r="W28" s="147"/>
    </row>
    <row r="29" spans="1:24" ht="12.75" customHeight="1">
      <c r="A29" s="151" t="s">
        <v>356</v>
      </c>
      <c r="B29" s="141">
        <v>84739</v>
      </c>
      <c r="C29" s="141">
        <v>11185</v>
      </c>
      <c r="D29" s="141">
        <v>51649</v>
      </c>
      <c r="E29" s="858">
        <v>20698</v>
      </c>
      <c r="F29" s="202">
        <v>84436</v>
      </c>
      <c r="G29" s="203">
        <v>11168</v>
      </c>
      <c r="H29" s="203">
        <v>51437</v>
      </c>
      <c r="I29" s="1001">
        <v>20624</v>
      </c>
      <c r="J29" s="195">
        <v>303</v>
      </c>
      <c r="K29" s="196">
        <v>17</v>
      </c>
      <c r="L29" s="196">
        <v>212</v>
      </c>
      <c r="M29" s="196">
        <v>74</v>
      </c>
      <c r="N29" s="197">
        <v>0.35885167464114831</v>
      </c>
      <c r="O29" s="197">
        <v>0.15222063037249284</v>
      </c>
      <c r="P29" s="197">
        <v>0.4121546746505434</v>
      </c>
      <c r="Q29" s="199">
        <v>0.35880527540729246</v>
      </c>
      <c r="R29" s="145">
        <v>13.4</v>
      </c>
      <c r="S29" s="145">
        <v>61.8</v>
      </c>
      <c r="T29" s="146">
        <v>24.8</v>
      </c>
      <c r="U29" s="204">
        <v>45.62</v>
      </c>
      <c r="V29" s="200">
        <v>185.1</v>
      </c>
      <c r="W29" s="147"/>
    </row>
    <row r="30" spans="1:24" ht="12.75" customHeight="1">
      <c r="A30" s="151" t="s">
        <v>357</v>
      </c>
      <c r="B30" s="141">
        <v>130443</v>
      </c>
      <c r="C30" s="141">
        <v>16416</v>
      </c>
      <c r="D30" s="141">
        <v>88988</v>
      </c>
      <c r="E30" s="858">
        <v>22149</v>
      </c>
      <c r="F30" s="202">
        <v>130064</v>
      </c>
      <c r="G30" s="203">
        <v>16634</v>
      </c>
      <c r="H30" s="203">
        <v>88622</v>
      </c>
      <c r="I30" s="1001">
        <v>21918</v>
      </c>
      <c r="J30" s="195">
        <v>379</v>
      </c>
      <c r="K30" s="196">
        <v>-218</v>
      </c>
      <c r="L30" s="196">
        <v>366</v>
      </c>
      <c r="M30" s="196">
        <v>231</v>
      </c>
      <c r="N30" s="197">
        <v>0.29139500553573627</v>
      </c>
      <c r="O30" s="197">
        <v>-1.3105687146807743</v>
      </c>
      <c r="P30" s="197">
        <v>0.41299000248245354</v>
      </c>
      <c r="Q30" s="199">
        <v>1.0539282781275665</v>
      </c>
      <c r="R30" s="145">
        <v>12.9</v>
      </c>
      <c r="S30" s="145">
        <v>69.8</v>
      </c>
      <c r="T30" s="146">
        <v>17.399999999999999</v>
      </c>
      <c r="U30" s="204">
        <v>42.32</v>
      </c>
      <c r="V30" s="200">
        <v>134.9</v>
      </c>
      <c r="W30" s="147"/>
    </row>
    <row r="31" spans="1:24" ht="12.75" customHeight="1">
      <c r="A31" s="151" t="s">
        <v>358</v>
      </c>
      <c r="B31" s="141">
        <v>118221</v>
      </c>
      <c r="C31" s="141">
        <v>14076</v>
      </c>
      <c r="D31" s="141">
        <v>75552</v>
      </c>
      <c r="E31" s="858">
        <v>24559</v>
      </c>
      <c r="F31" s="202">
        <v>117966</v>
      </c>
      <c r="G31" s="203">
        <v>14274</v>
      </c>
      <c r="H31" s="203">
        <v>75301</v>
      </c>
      <c r="I31" s="1001">
        <v>24357</v>
      </c>
      <c r="J31" s="195">
        <v>255</v>
      </c>
      <c r="K31" s="196">
        <v>-198</v>
      </c>
      <c r="L31" s="196">
        <v>251</v>
      </c>
      <c r="M31" s="196">
        <v>202</v>
      </c>
      <c r="N31" s="197">
        <v>0.2161639794517064</v>
      </c>
      <c r="O31" s="197">
        <v>-1.3871374527112232</v>
      </c>
      <c r="P31" s="197">
        <v>0.33332890665462606</v>
      </c>
      <c r="Q31" s="199">
        <v>0.82933037730426573</v>
      </c>
      <c r="R31" s="145">
        <v>12.3</v>
      </c>
      <c r="S31" s="145">
        <v>66.2</v>
      </c>
      <c r="T31" s="146">
        <v>21.5</v>
      </c>
      <c r="U31" s="204">
        <v>44.47</v>
      </c>
      <c r="V31" s="200">
        <v>174.5</v>
      </c>
      <c r="W31" s="147"/>
    </row>
    <row r="32" spans="1:24" ht="12.75" customHeight="1">
      <c r="A32" s="151" t="s">
        <v>359</v>
      </c>
      <c r="B32" s="141">
        <v>109476</v>
      </c>
      <c r="C32" s="141">
        <v>11320</v>
      </c>
      <c r="D32" s="141">
        <v>70439</v>
      </c>
      <c r="E32" s="858">
        <v>24070</v>
      </c>
      <c r="F32" s="202">
        <v>108724</v>
      </c>
      <c r="G32" s="203">
        <v>11424</v>
      </c>
      <c r="H32" s="203">
        <v>69748</v>
      </c>
      <c r="I32" s="1001">
        <v>23905</v>
      </c>
      <c r="J32" s="195">
        <v>752</v>
      </c>
      <c r="K32" s="196">
        <v>-104</v>
      </c>
      <c r="L32" s="196">
        <v>691</v>
      </c>
      <c r="M32" s="196">
        <v>165</v>
      </c>
      <c r="N32" s="197">
        <v>0.69165961517236307</v>
      </c>
      <c r="O32" s="197">
        <v>-0.9103641456582634</v>
      </c>
      <c r="P32" s="197">
        <v>0.99070941102253829</v>
      </c>
      <c r="Q32" s="199">
        <v>0.69023216900230078</v>
      </c>
      <c r="R32" s="145">
        <v>10.7</v>
      </c>
      <c r="S32" s="145">
        <v>66.599999999999994</v>
      </c>
      <c r="T32" s="146">
        <v>22.7</v>
      </c>
      <c r="U32" s="204">
        <v>44.96</v>
      </c>
      <c r="V32" s="200">
        <v>212.6</v>
      </c>
      <c r="W32" s="147"/>
    </row>
    <row r="33" spans="1:23" ht="12.75" customHeight="1">
      <c r="A33" s="151" t="s">
        <v>360</v>
      </c>
      <c r="B33" s="141">
        <v>120773</v>
      </c>
      <c r="C33" s="141">
        <v>15237</v>
      </c>
      <c r="D33" s="141">
        <v>74838</v>
      </c>
      <c r="E33" s="858">
        <v>26646</v>
      </c>
      <c r="F33" s="202">
        <v>120378</v>
      </c>
      <c r="G33" s="203">
        <v>15438</v>
      </c>
      <c r="H33" s="203">
        <v>74584</v>
      </c>
      <c r="I33" s="1001">
        <v>26304</v>
      </c>
      <c r="J33" s="195">
        <v>395</v>
      </c>
      <c r="K33" s="196">
        <v>-201</v>
      </c>
      <c r="L33" s="196">
        <v>254</v>
      </c>
      <c r="M33" s="196">
        <v>342</v>
      </c>
      <c r="N33" s="197">
        <v>0.32813304756683115</v>
      </c>
      <c r="O33" s="197">
        <v>-1.3019821220365333</v>
      </c>
      <c r="P33" s="197">
        <v>0.34055561514533944</v>
      </c>
      <c r="Q33" s="199">
        <v>1.3001824817518248</v>
      </c>
      <c r="R33" s="145">
        <v>13.1</v>
      </c>
      <c r="S33" s="145">
        <v>64.099999999999994</v>
      </c>
      <c r="T33" s="146">
        <v>22.8</v>
      </c>
      <c r="U33" s="204">
        <v>45.34</v>
      </c>
      <c r="V33" s="200">
        <v>174.9</v>
      </c>
      <c r="W33" s="147"/>
    </row>
    <row r="34" spans="1:23" ht="12.75" customHeight="1">
      <c r="A34" s="151" t="s">
        <v>361</v>
      </c>
      <c r="B34" s="141">
        <v>93553</v>
      </c>
      <c r="C34" s="141">
        <v>10930</v>
      </c>
      <c r="D34" s="141">
        <v>56780</v>
      </c>
      <c r="E34" s="858">
        <v>24339</v>
      </c>
      <c r="F34" s="202">
        <v>93359</v>
      </c>
      <c r="G34" s="203">
        <v>11180</v>
      </c>
      <c r="H34" s="203">
        <v>56570</v>
      </c>
      <c r="I34" s="1001">
        <v>24105</v>
      </c>
      <c r="J34" s="195">
        <v>194</v>
      </c>
      <c r="K34" s="196">
        <v>-250</v>
      </c>
      <c r="L34" s="196">
        <v>210</v>
      </c>
      <c r="M34" s="196">
        <v>234</v>
      </c>
      <c r="N34" s="197">
        <v>0.20779999785773198</v>
      </c>
      <c r="O34" s="197">
        <v>-2.2361359570661898</v>
      </c>
      <c r="P34" s="197">
        <v>0.37122149549231043</v>
      </c>
      <c r="Q34" s="199">
        <v>0.9707529558182949</v>
      </c>
      <c r="R34" s="145">
        <v>11.9</v>
      </c>
      <c r="S34" s="145">
        <v>61.7</v>
      </c>
      <c r="T34" s="146">
        <v>26.4</v>
      </c>
      <c r="U34" s="204">
        <v>47.16</v>
      </c>
      <c r="V34" s="200">
        <v>222.7</v>
      </c>
      <c r="W34" s="147"/>
    </row>
    <row r="35" spans="1:23" ht="9" customHeight="1">
      <c r="A35" s="179"/>
      <c r="B35" s="141"/>
      <c r="C35" s="141"/>
      <c r="D35" s="141"/>
      <c r="E35" s="858"/>
      <c r="F35" s="193"/>
      <c r="G35" s="194"/>
      <c r="H35" s="194"/>
      <c r="I35" s="1000"/>
      <c r="J35" s="195"/>
      <c r="K35" s="196"/>
      <c r="L35" s="196"/>
      <c r="M35" s="196"/>
      <c r="N35" s="197"/>
      <c r="O35" s="198"/>
      <c r="P35" s="198"/>
      <c r="Q35" s="199"/>
      <c r="R35" s="145"/>
      <c r="S35" s="145"/>
      <c r="T35" s="146"/>
      <c r="U35" s="204"/>
      <c r="V35" s="200"/>
      <c r="W35" s="147"/>
    </row>
    <row r="36" spans="1:23" ht="12.75" customHeight="1">
      <c r="A36" s="206" t="s">
        <v>362</v>
      </c>
      <c r="B36" s="138">
        <v>352431</v>
      </c>
      <c r="C36" s="138">
        <v>35088</v>
      </c>
      <c r="D36" s="138">
        <v>189582</v>
      </c>
      <c r="E36" s="857">
        <v>125876</v>
      </c>
      <c r="F36" s="191">
        <v>354692</v>
      </c>
      <c r="G36" s="192">
        <v>35977</v>
      </c>
      <c r="H36" s="192">
        <v>190653</v>
      </c>
      <c r="I36" s="999">
        <v>126177</v>
      </c>
      <c r="J36" s="604">
        <v>-2261</v>
      </c>
      <c r="K36" s="605">
        <v>-889</v>
      </c>
      <c r="L36" s="605">
        <v>-1071</v>
      </c>
      <c r="M36" s="605">
        <v>-301</v>
      </c>
      <c r="N36" s="598">
        <v>-0.63745446753803303</v>
      </c>
      <c r="O36" s="598">
        <v>-2.4710231536815188</v>
      </c>
      <c r="P36" s="598">
        <v>-0.56175355226510992</v>
      </c>
      <c r="Q36" s="599">
        <v>-0.23855377762983745</v>
      </c>
      <c r="R36" s="600">
        <v>10</v>
      </c>
      <c r="S36" s="600">
        <v>54.1</v>
      </c>
      <c r="T36" s="601">
        <v>35.9</v>
      </c>
      <c r="U36" s="602">
        <v>52.15</v>
      </c>
      <c r="V36" s="603">
        <v>358.7</v>
      </c>
      <c r="W36" s="139"/>
    </row>
    <row r="37" spans="1:23" ht="12.75" customHeight="1">
      <c r="A37" s="179" t="s">
        <v>363</v>
      </c>
      <c r="B37" s="141">
        <v>192266</v>
      </c>
      <c r="C37" s="141">
        <v>19083</v>
      </c>
      <c r="D37" s="141">
        <v>103449</v>
      </c>
      <c r="E37" s="858">
        <v>69482</v>
      </c>
      <c r="F37" s="202">
        <v>194089</v>
      </c>
      <c r="G37" s="203">
        <v>19744</v>
      </c>
      <c r="H37" s="203">
        <v>104572</v>
      </c>
      <c r="I37" s="1001">
        <v>69521</v>
      </c>
      <c r="J37" s="195">
        <v>-1823</v>
      </c>
      <c r="K37" s="196">
        <v>-661</v>
      </c>
      <c r="L37" s="196">
        <v>-1123</v>
      </c>
      <c r="M37" s="196">
        <v>-39</v>
      </c>
      <c r="N37" s="197">
        <v>-0.93925982410131437</v>
      </c>
      <c r="O37" s="197">
        <v>-3.3478525121555913</v>
      </c>
      <c r="P37" s="197">
        <v>-1.0739012355123743</v>
      </c>
      <c r="Q37" s="199">
        <v>-5.6098157391291842E-2</v>
      </c>
      <c r="R37" s="145">
        <v>9.9</v>
      </c>
      <c r="S37" s="145">
        <v>53.9</v>
      </c>
      <c r="T37" s="146">
        <v>36.200000000000003</v>
      </c>
      <c r="U37" s="204">
        <v>51.95</v>
      </c>
      <c r="V37" s="200">
        <v>364.1</v>
      </c>
      <c r="W37" s="147"/>
    </row>
    <row r="38" spans="1:23" ht="12.75" customHeight="1">
      <c r="A38" s="179" t="s">
        <v>364</v>
      </c>
      <c r="B38" s="141">
        <v>91609</v>
      </c>
      <c r="C38" s="141">
        <v>9400</v>
      </c>
      <c r="D38" s="141">
        <v>50951</v>
      </c>
      <c r="E38" s="858">
        <v>30739</v>
      </c>
      <c r="F38" s="202">
        <v>91599</v>
      </c>
      <c r="G38" s="203">
        <v>9535</v>
      </c>
      <c r="H38" s="203">
        <v>50663</v>
      </c>
      <c r="I38" s="1001">
        <v>30882</v>
      </c>
      <c r="J38" s="195">
        <v>10</v>
      </c>
      <c r="K38" s="196">
        <v>-135</v>
      </c>
      <c r="L38" s="196">
        <v>288</v>
      </c>
      <c r="M38" s="196">
        <v>-143</v>
      </c>
      <c r="N38" s="197">
        <v>1.0917149750543127E-2</v>
      </c>
      <c r="O38" s="197">
        <v>-1.4158363922391191</v>
      </c>
      <c r="P38" s="197">
        <v>0.56846219134279452</v>
      </c>
      <c r="Q38" s="199">
        <v>-0.46305291108088853</v>
      </c>
      <c r="R38" s="145">
        <v>10.3</v>
      </c>
      <c r="S38" s="145">
        <v>55.9</v>
      </c>
      <c r="T38" s="146">
        <v>33.700000000000003</v>
      </c>
      <c r="U38" s="204">
        <v>51.53</v>
      </c>
      <c r="V38" s="200">
        <v>327</v>
      </c>
      <c r="W38" s="147"/>
    </row>
    <row r="39" spans="1:23" ht="12.75" customHeight="1">
      <c r="A39" s="179" t="s">
        <v>365</v>
      </c>
      <c r="B39" s="141">
        <v>30215</v>
      </c>
      <c r="C39" s="141">
        <v>3053</v>
      </c>
      <c r="D39" s="141">
        <v>16082</v>
      </c>
      <c r="E39" s="858">
        <v>10276</v>
      </c>
      <c r="F39" s="202">
        <v>30343</v>
      </c>
      <c r="G39" s="203">
        <v>3120</v>
      </c>
      <c r="H39" s="203">
        <v>16087</v>
      </c>
      <c r="I39" s="1001">
        <v>10332</v>
      </c>
      <c r="J39" s="195">
        <v>-128</v>
      </c>
      <c r="K39" s="196">
        <v>-67</v>
      </c>
      <c r="L39" s="196">
        <v>-5</v>
      </c>
      <c r="M39" s="196">
        <v>-56</v>
      </c>
      <c r="N39" s="197">
        <v>-0.42184358830702301</v>
      </c>
      <c r="O39" s="197">
        <v>-2.1474358974358974</v>
      </c>
      <c r="P39" s="197">
        <v>-3.1080997078386276E-2</v>
      </c>
      <c r="Q39" s="199">
        <v>-0.54200542005420049</v>
      </c>
      <c r="R39" s="145">
        <v>10.4</v>
      </c>
      <c r="S39" s="145">
        <v>54.7</v>
      </c>
      <c r="T39" s="146">
        <v>34.9</v>
      </c>
      <c r="U39" s="204">
        <v>52.27</v>
      </c>
      <c r="V39" s="200">
        <v>336.6</v>
      </c>
      <c r="W39" s="147"/>
    </row>
    <row r="40" spans="1:23" ht="12.75" customHeight="1">
      <c r="A40" s="179" t="s">
        <v>366</v>
      </c>
      <c r="B40" s="141">
        <v>21562</v>
      </c>
      <c r="C40" s="141">
        <v>1638</v>
      </c>
      <c r="D40" s="141">
        <v>10236</v>
      </c>
      <c r="E40" s="858">
        <v>9581</v>
      </c>
      <c r="F40" s="202">
        <v>21878</v>
      </c>
      <c r="G40" s="203">
        <v>1679</v>
      </c>
      <c r="H40" s="203">
        <v>10432</v>
      </c>
      <c r="I40" s="1001">
        <v>9660</v>
      </c>
      <c r="J40" s="195">
        <v>-316</v>
      </c>
      <c r="K40" s="196">
        <v>-41</v>
      </c>
      <c r="L40" s="196">
        <v>-196</v>
      </c>
      <c r="M40" s="196">
        <v>-79</v>
      </c>
      <c r="N40" s="197">
        <v>-1.444373343084377</v>
      </c>
      <c r="O40" s="197">
        <v>-2.4419297200714714</v>
      </c>
      <c r="P40" s="197">
        <v>-1.8788343558282208</v>
      </c>
      <c r="Q40" s="199">
        <v>-0.81780538302277439</v>
      </c>
      <c r="R40" s="145">
        <v>7.6</v>
      </c>
      <c r="S40" s="145">
        <v>47.7</v>
      </c>
      <c r="T40" s="146">
        <v>44.7</v>
      </c>
      <c r="U40" s="204">
        <v>56.55</v>
      </c>
      <c r="V40" s="200">
        <v>584.9</v>
      </c>
      <c r="W40" s="147"/>
    </row>
    <row r="41" spans="1:23" ht="12.75" customHeight="1">
      <c r="A41" s="179" t="s">
        <v>367</v>
      </c>
      <c r="B41" s="141">
        <v>16779</v>
      </c>
      <c r="C41" s="141">
        <v>1914</v>
      </c>
      <c r="D41" s="141">
        <v>8864</v>
      </c>
      <c r="E41" s="858">
        <v>5798</v>
      </c>
      <c r="F41" s="202">
        <v>16783</v>
      </c>
      <c r="G41" s="203">
        <v>1899</v>
      </c>
      <c r="H41" s="203">
        <v>8899</v>
      </c>
      <c r="I41" s="1001">
        <v>5782</v>
      </c>
      <c r="J41" s="195">
        <v>-4</v>
      </c>
      <c r="K41" s="196">
        <v>15</v>
      </c>
      <c r="L41" s="196">
        <v>-35</v>
      </c>
      <c r="M41" s="196">
        <v>16</v>
      </c>
      <c r="N41" s="197">
        <v>-2.3833641184531965E-2</v>
      </c>
      <c r="O41" s="197">
        <v>0.78988941548183245</v>
      </c>
      <c r="P41" s="197">
        <v>-0.39330261827171592</v>
      </c>
      <c r="Q41" s="199">
        <v>0.27672085783465927</v>
      </c>
      <c r="R41" s="145">
        <v>11.5</v>
      </c>
      <c r="S41" s="145">
        <v>53.5</v>
      </c>
      <c r="T41" s="146">
        <v>35</v>
      </c>
      <c r="U41" s="204">
        <v>51.93</v>
      </c>
      <c r="V41" s="200">
        <v>302.89999999999998</v>
      </c>
      <c r="W41" s="147"/>
    </row>
    <row r="42" spans="1:23" ht="9" customHeight="1">
      <c r="A42" s="179"/>
      <c r="B42" s="141"/>
      <c r="C42" s="141"/>
      <c r="D42" s="141"/>
      <c r="E42" s="858"/>
      <c r="F42" s="193"/>
      <c r="G42" s="194"/>
      <c r="H42" s="194"/>
      <c r="I42" s="1000"/>
      <c r="J42" s="195"/>
      <c r="K42" s="196"/>
      <c r="L42" s="196"/>
      <c r="M42" s="196"/>
      <c r="N42" s="197"/>
      <c r="O42" s="198"/>
      <c r="P42" s="198"/>
      <c r="Q42" s="199"/>
      <c r="R42" s="145"/>
      <c r="S42" s="145"/>
      <c r="T42" s="146"/>
      <c r="U42" s="204"/>
      <c r="V42" s="200"/>
      <c r="W42" s="147"/>
    </row>
    <row r="43" spans="1:23" ht="12.75" customHeight="1">
      <c r="A43" s="206" t="s">
        <v>368</v>
      </c>
      <c r="B43" s="138">
        <v>789977</v>
      </c>
      <c r="C43" s="138">
        <v>89206</v>
      </c>
      <c r="D43" s="138">
        <v>459203</v>
      </c>
      <c r="E43" s="857">
        <v>223304</v>
      </c>
      <c r="F43" s="191">
        <v>787762</v>
      </c>
      <c r="G43" s="192">
        <v>90432</v>
      </c>
      <c r="H43" s="192">
        <v>457963</v>
      </c>
      <c r="I43" s="999">
        <v>221103</v>
      </c>
      <c r="J43" s="604">
        <v>2215</v>
      </c>
      <c r="K43" s="605">
        <v>-1226</v>
      </c>
      <c r="L43" s="605">
        <v>1240</v>
      </c>
      <c r="M43" s="605">
        <v>2201</v>
      </c>
      <c r="N43" s="598">
        <v>0.28117629436301828</v>
      </c>
      <c r="O43" s="598">
        <v>-1.3557147912243452</v>
      </c>
      <c r="P43" s="598">
        <v>0.27076423204494687</v>
      </c>
      <c r="Q43" s="599">
        <v>0.99546365268675685</v>
      </c>
      <c r="R43" s="600">
        <v>11.6</v>
      </c>
      <c r="S43" s="600">
        <v>59.5</v>
      </c>
      <c r="T43" s="601">
        <v>28.9</v>
      </c>
      <c r="U43" s="602">
        <v>47.98</v>
      </c>
      <c r="V43" s="603">
        <v>250.3</v>
      </c>
      <c r="W43" s="139"/>
    </row>
    <row r="44" spans="1:23" ht="12.75" customHeight="1">
      <c r="A44" s="179" t="s">
        <v>369</v>
      </c>
      <c r="B44" s="141">
        <v>364138</v>
      </c>
      <c r="C44" s="141">
        <v>39465</v>
      </c>
      <c r="D44" s="141">
        <v>211324</v>
      </c>
      <c r="E44" s="858">
        <v>103031</v>
      </c>
      <c r="F44" s="202">
        <v>363335</v>
      </c>
      <c r="G44" s="203">
        <v>40065</v>
      </c>
      <c r="H44" s="203">
        <v>211057</v>
      </c>
      <c r="I44" s="1001">
        <v>101895</v>
      </c>
      <c r="J44" s="195">
        <v>803</v>
      </c>
      <c r="K44" s="196">
        <v>-600</v>
      </c>
      <c r="L44" s="196">
        <v>267</v>
      </c>
      <c r="M44" s="196">
        <v>1136</v>
      </c>
      <c r="N44" s="197">
        <v>0.22100816051302516</v>
      </c>
      <c r="O44" s="197">
        <v>-1.4975664545114189</v>
      </c>
      <c r="P44" s="197">
        <v>0.12650610972391346</v>
      </c>
      <c r="Q44" s="199">
        <v>1.1148731537366898</v>
      </c>
      <c r="R44" s="145">
        <v>11.2</v>
      </c>
      <c r="S44" s="145">
        <v>59.7</v>
      </c>
      <c r="T44" s="146">
        <v>29.1</v>
      </c>
      <c r="U44" s="204">
        <v>48.17</v>
      </c>
      <c r="V44" s="200">
        <v>261.10000000000002</v>
      </c>
      <c r="W44" s="147"/>
    </row>
    <row r="45" spans="1:23" ht="12.75" customHeight="1">
      <c r="A45" s="151" t="s">
        <v>348</v>
      </c>
      <c r="B45" s="141">
        <v>84340</v>
      </c>
      <c r="C45" s="141">
        <v>8999</v>
      </c>
      <c r="D45" s="141">
        <v>47523</v>
      </c>
      <c r="E45" s="858">
        <v>26042</v>
      </c>
      <c r="F45" s="183">
        <v>84508</v>
      </c>
      <c r="G45" s="184">
        <v>9205</v>
      </c>
      <c r="H45" s="184">
        <v>47826</v>
      </c>
      <c r="I45" s="1002">
        <v>25701</v>
      </c>
      <c r="J45" s="195">
        <v>-168</v>
      </c>
      <c r="K45" s="196">
        <v>-206</v>
      </c>
      <c r="L45" s="196">
        <v>-303</v>
      </c>
      <c r="M45" s="196">
        <v>341</v>
      </c>
      <c r="N45" s="197">
        <v>-0.19879774695886779</v>
      </c>
      <c r="O45" s="197">
        <v>-2.2379141770776751</v>
      </c>
      <c r="P45" s="197">
        <v>-0.63354660644837535</v>
      </c>
      <c r="Q45" s="199">
        <v>1.3267966226995058</v>
      </c>
      <c r="R45" s="145">
        <v>10.9</v>
      </c>
      <c r="S45" s="145">
        <v>57.6</v>
      </c>
      <c r="T45" s="146">
        <v>31.5</v>
      </c>
      <c r="U45" s="204">
        <v>49.14</v>
      </c>
      <c r="V45" s="200">
        <v>289.39999999999998</v>
      </c>
      <c r="W45" s="147"/>
    </row>
    <row r="46" spans="1:23" ht="12.75" customHeight="1">
      <c r="A46" s="151" t="s">
        <v>370</v>
      </c>
      <c r="B46" s="141">
        <v>137092</v>
      </c>
      <c r="C46" s="141">
        <v>15414</v>
      </c>
      <c r="D46" s="141">
        <v>80077</v>
      </c>
      <c r="E46" s="858">
        <v>37071</v>
      </c>
      <c r="F46" s="183">
        <v>136797</v>
      </c>
      <c r="G46" s="184">
        <v>15662</v>
      </c>
      <c r="H46" s="184">
        <v>79997</v>
      </c>
      <c r="I46" s="1002">
        <v>36608</v>
      </c>
      <c r="J46" s="195">
        <v>295</v>
      </c>
      <c r="K46" s="196">
        <v>-248</v>
      </c>
      <c r="L46" s="196">
        <v>80</v>
      </c>
      <c r="M46" s="196">
        <v>463</v>
      </c>
      <c r="N46" s="197">
        <v>0.21564800397669542</v>
      </c>
      <c r="O46" s="197">
        <v>-1.5834503894777168</v>
      </c>
      <c r="P46" s="197">
        <v>0.10000375014063029</v>
      </c>
      <c r="Q46" s="199">
        <v>1.2647508741258742</v>
      </c>
      <c r="R46" s="145">
        <v>11.6</v>
      </c>
      <c r="S46" s="145">
        <v>60.4</v>
      </c>
      <c r="T46" s="146">
        <v>28</v>
      </c>
      <c r="U46" s="204">
        <v>47.57</v>
      </c>
      <c r="V46" s="200">
        <v>240.5</v>
      </c>
      <c r="W46" s="147"/>
    </row>
    <row r="47" spans="1:23" ht="12.75" customHeight="1">
      <c r="A47" s="151" t="s">
        <v>340</v>
      </c>
      <c r="B47" s="141">
        <v>142706</v>
      </c>
      <c r="C47" s="141">
        <v>15052</v>
      </c>
      <c r="D47" s="141">
        <v>83724</v>
      </c>
      <c r="E47" s="858">
        <v>39918</v>
      </c>
      <c r="F47" s="183">
        <v>142030</v>
      </c>
      <c r="G47" s="184">
        <v>15198</v>
      </c>
      <c r="H47" s="184">
        <v>83234</v>
      </c>
      <c r="I47" s="1002">
        <v>39586</v>
      </c>
      <c r="J47" s="195">
        <v>676</v>
      </c>
      <c r="K47" s="196">
        <v>-146</v>
      </c>
      <c r="L47" s="196">
        <v>490</v>
      </c>
      <c r="M47" s="196">
        <v>332</v>
      </c>
      <c r="N47" s="197">
        <v>0.475955783989298</v>
      </c>
      <c r="O47" s="197">
        <v>-0.9606527174628241</v>
      </c>
      <c r="P47" s="197">
        <v>0.58870173246509838</v>
      </c>
      <c r="Q47" s="199">
        <v>0.83868034153488613</v>
      </c>
      <c r="R47" s="145">
        <v>10.9</v>
      </c>
      <c r="S47" s="145">
        <v>60.4</v>
      </c>
      <c r="T47" s="146">
        <v>28.8</v>
      </c>
      <c r="U47" s="204">
        <v>48.17</v>
      </c>
      <c r="V47" s="200">
        <v>265.2</v>
      </c>
      <c r="W47" s="147"/>
    </row>
    <row r="48" spans="1:23" ht="12.75" customHeight="1">
      <c r="A48" s="179" t="s">
        <v>371</v>
      </c>
      <c r="B48" s="141">
        <v>108390</v>
      </c>
      <c r="C48" s="141">
        <v>12385</v>
      </c>
      <c r="D48" s="141">
        <v>62919</v>
      </c>
      <c r="E48" s="858">
        <v>31461</v>
      </c>
      <c r="F48" s="202">
        <v>108454</v>
      </c>
      <c r="G48" s="203">
        <v>12715</v>
      </c>
      <c r="H48" s="203">
        <v>62985</v>
      </c>
      <c r="I48" s="1001">
        <v>31129</v>
      </c>
      <c r="J48" s="195">
        <v>-64</v>
      </c>
      <c r="K48" s="196">
        <v>-330</v>
      </c>
      <c r="L48" s="196">
        <v>-66</v>
      </c>
      <c r="M48" s="196">
        <v>332</v>
      </c>
      <c r="N48" s="197">
        <v>-5.9011193685802273E-2</v>
      </c>
      <c r="O48" s="197">
        <v>-2.595359811246559</v>
      </c>
      <c r="P48" s="197">
        <v>-0.1047868540128602</v>
      </c>
      <c r="Q48" s="199">
        <v>1.0665296026213498</v>
      </c>
      <c r="R48" s="145">
        <v>11.6</v>
      </c>
      <c r="S48" s="145">
        <v>58.9</v>
      </c>
      <c r="T48" s="146">
        <v>29.5</v>
      </c>
      <c r="U48" s="204">
        <v>48</v>
      </c>
      <c r="V48" s="200">
        <v>254</v>
      </c>
      <c r="W48" s="147"/>
    </row>
    <row r="49" spans="1:23" ht="12.75" customHeight="1">
      <c r="A49" s="179" t="s">
        <v>372</v>
      </c>
      <c r="B49" s="141">
        <v>121177</v>
      </c>
      <c r="C49" s="141">
        <v>14377</v>
      </c>
      <c r="D49" s="141">
        <v>72233</v>
      </c>
      <c r="E49" s="858">
        <v>31744</v>
      </c>
      <c r="F49" s="202">
        <v>119880</v>
      </c>
      <c r="G49" s="203">
        <v>14309</v>
      </c>
      <c r="H49" s="203">
        <v>71198</v>
      </c>
      <c r="I49" s="1001">
        <v>31550</v>
      </c>
      <c r="J49" s="195">
        <v>1297</v>
      </c>
      <c r="K49" s="196">
        <v>68</v>
      </c>
      <c r="L49" s="196">
        <v>1035</v>
      </c>
      <c r="M49" s="196">
        <v>194</v>
      </c>
      <c r="N49" s="197">
        <v>1.0819152485819152</v>
      </c>
      <c r="O49" s="197">
        <v>0.47522538262631914</v>
      </c>
      <c r="P49" s="197">
        <v>1.4536925194527937</v>
      </c>
      <c r="Q49" s="199">
        <v>0.61489698890649758</v>
      </c>
      <c r="R49" s="145">
        <v>12.1</v>
      </c>
      <c r="S49" s="145">
        <v>61</v>
      </c>
      <c r="T49" s="146">
        <v>26.8</v>
      </c>
      <c r="U49" s="204">
        <v>47.01</v>
      </c>
      <c r="V49" s="200">
        <v>220.8</v>
      </c>
      <c r="W49" s="147"/>
    </row>
    <row r="50" spans="1:23" ht="12.75" customHeight="1">
      <c r="A50" s="179" t="s">
        <v>373</v>
      </c>
      <c r="B50" s="141">
        <v>68431</v>
      </c>
      <c r="C50" s="141">
        <v>8485</v>
      </c>
      <c r="D50" s="141">
        <v>40406</v>
      </c>
      <c r="E50" s="858">
        <v>18678</v>
      </c>
      <c r="F50" s="202">
        <v>68044</v>
      </c>
      <c r="G50" s="203">
        <v>8550</v>
      </c>
      <c r="H50" s="203">
        <v>40154</v>
      </c>
      <c r="I50" s="1001">
        <v>18478</v>
      </c>
      <c r="J50" s="195">
        <v>387</v>
      </c>
      <c r="K50" s="196">
        <v>-65</v>
      </c>
      <c r="L50" s="196">
        <v>252</v>
      </c>
      <c r="M50" s="196">
        <v>200</v>
      </c>
      <c r="N50" s="197">
        <v>0.56874963259067657</v>
      </c>
      <c r="O50" s="197">
        <v>-0.76023391812865493</v>
      </c>
      <c r="P50" s="197">
        <v>0.62758380236091049</v>
      </c>
      <c r="Q50" s="199">
        <v>1.0823682216690118</v>
      </c>
      <c r="R50" s="145">
        <v>12.6</v>
      </c>
      <c r="S50" s="145">
        <v>59.8</v>
      </c>
      <c r="T50" s="146">
        <v>27.6</v>
      </c>
      <c r="U50" s="204">
        <v>47.06</v>
      </c>
      <c r="V50" s="200">
        <v>220.1</v>
      </c>
      <c r="W50" s="147"/>
    </row>
    <row r="51" spans="1:23" ht="12.75" customHeight="1">
      <c r="A51" s="179" t="s">
        <v>374</v>
      </c>
      <c r="B51" s="141">
        <v>66438</v>
      </c>
      <c r="C51" s="141">
        <v>7268</v>
      </c>
      <c r="D51" s="141">
        <v>38540</v>
      </c>
      <c r="E51" s="858">
        <v>18749</v>
      </c>
      <c r="F51" s="202">
        <v>66359</v>
      </c>
      <c r="G51" s="203">
        <v>7360</v>
      </c>
      <c r="H51" s="203">
        <v>38597</v>
      </c>
      <c r="I51" s="1001">
        <v>18521</v>
      </c>
      <c r="J51" s="195">
        <v>79</v>
      </c>
      <c r="K51" s="196">
        <v>-92</v>
      </c>
      <c r="L51" s="196">
        <v>-57</v>
      </c>
      <c r="M51" s="196">
        <v>228</v>
      </c>
      <c r="N51" s="197">
        <v>0.11904941304118506</v>
      </c>
      <c r="O51" s="197">
        <v>-1.25</v>
      </c>
      <c r="P51" s="197">
        <v>-0.14767987149260306</v>
      </c>
      <c r="Q51" s="199">
        <v>1.2310350413044651</v>
      </c>
      <c r="R51" s="145">
        <v>11.3</v>
      </c>
      <c r="S51" s="145">
        <v>59.7</v>
      </c>
      <c r="T51" s="146">
        <v>29</v>
      </c>
      <c r="U51" s="204">
        <v>48.52</v>
      </c>
      <c r="V51" s="200">
        <v>258</v>
      </c>
      <c r="W51" s="147"/>
    </row>
    <row r="52" spans="1:23" ht="12.75" customHeight="1">
      <c r="A52" s="179" t="s">
        <v>375</v>
      </c>
      <c r="B52" s="141">
        <v>41129</v>
      </c>
      <c r="C52" s="141">
        <v>5140</v>
      </c>
      <c r="D52" s="141">
        <v>22749</v>
      </c>
      <c r="E52" s="858">
        <v>12654</v>
      </c>
      <c r="F52" s="202">
        <v>41253</v>
      </c>
      <c r="G52" s="203">
        <v>5250</v>
      </c>
      <c r="H52" s="203">
        <v>22787</v>
      </c>
      <c r="I52" s="1001">
        <v>12630</v>
      </c>
      <c r="J52" s="195">
        <v>-124</v>
      </c>
      <c r="K52" s="196">
        <v>-110</v>
      </c>
      <c r="L52" s="196">
        <v>-38</v>
      </c>
      <c r="M52" s="196">
        <v>24</v>
      </c>
      <c r="N52" s="197">
        <v>-0.30058419993697427</v>
      </c>
      <c r="O52" s="197">
        <v>-2.0952380952380953</v>
      </c>
      <c r="P52" s="197">
        <v>-0.16676175012068284</v>
      </c>
      <c r="Q52" s="199">
        <v>0.19002375296912113</v>
      </c>
      <c r="R52" s="145">
        <v>12.7</v>
      </c>
      <c r="S52" s="145">
        <v>56.1</v>
      </c>
      <c r="T52" s="146">
        <v>31.2</v>
      </c>
      <c r="U52" s="204">
        <v>48.35</v>
      </c>
      <c r="V52" s="200">
        <v>246.2</v>
      </c>
      <c r="W52" s="147"/>
    </row>
    <row r="53" spans="1:23" ht="12.75" customHeight="1">
      <c r="A53" s="179" t="s">
        <v>376</v>
      </c>
      <c r="B53" s="141">
        <v>18800</v>
      </c>
      <c r="C53" s="141">
        <v>1934</v>
      </c>
      <c r="D53" s="141">
        <v>10307</v>
      </c>
      <c r="E53" s="858">
        <v>6390</v>
      </c>
      <c r="F53" s="202">
        <v>18952</v>
      </c>
      <c r="G53" s="203">
        <v>2022</v>
      </c>
      <c r="H53" s="203">
        <v>10463</v>
      </c>
      <c r="I53" s="1001">
        <v>6298</v>
      </c>
      <c r="J53" s="195">
        <v>-152</v>
      </c>
      <c r="K53" s="196">
        <v>-88</v>
      </c>
      <c r="L53" s="196">
        <v>-156</v>
      </c>
      <c r="M53" s="196">
        <v>92</v>
      </c>
      <c r="N53" s="197">
        <v>-0.80202617138032928</v>
      </c>
      <c r="O53" s="197">
        <v>-4.3521266073194855</v>
      </c>
      <c r="P53" s="197">
        <v>-1.4909681735639875</v>
      </c>
      <c r="Q53" s="199">
        <v>1.4607812003810734</v>
      </c>
      <c r="R53" s="145">
        <v>10.4</v>
      </c>
      <c r="S53" s="145">
        <v>55.3</v>
      </c>
      <c r="T53" s="146">
        <v>34.299999999999997</v>
      </c>
      <c r="U53" s="204">
        <v>50.59</v>
      </c>
      <c r="V53" s="200">
        <v>330.4</v>
      </c>
      <c r="W53" s="147"/>
    </row>
    <row r="54" spans="1:23" ht="12.75" customHeight="1">
      <c r="A54" s="179" t="s">
        <v>377</v>
      </c>
      <c r="B54" s="141">
        <v>1474</v>
      </c>
      <c r="C54" s="141">
        <v>152</v>
      </c>
      <c r="D54" s="141">
        <v>725</v>
      </c>
      <c r="E54" s="858">
        <v>597</v>
      </c>
      <c r="F54" s="202">
        <v>1485</v>
      </c>
      <c r="G54" s="203">
        <v>161</v>
      </c>
      <c r="H54" s="203">
        <v>722</v>
      </c>
      <c r="I54" s="1001">
        <v>602</v>
      </c>
      <c r="J54" s="195">
        <v>-11</v>
      </c>
      <c r="K54" s="196">
        <v>-9</v>
      </c>
      <c r="L54" s="196">
        <v>3</v>
      </c>
      <c r="M54" s="196">
        <v>-5</v>
      </c>
      <c r="N54" s="197">
        <v>-0.74074074074074081</v>
      </c>
      <c r="O54" s="197">
        <v>-5.5900621118012426</v>
      </c>
      <c r="P54" s="197">
        <v>0.41551246537396125</v>
      </c>
      <c r="Q54" s="199">
        <v>-0.83056478405315626</v>
      </c>
      <c r="R54" s="145">
        <v>10.3</v>
      </c>
      <c r="S54" s="145">
        <v>49.2</v>
      </c>
      <c r="T54" s="146">
        <v>40.5</v>
      </c>
      <c r="U54" s="204">
        <v>53.87</v>
      </c>
      <c r="V54" s="200">
        <v>392.8</v>
      </c>
      <c r="W54" s="147"/>
    </row>
    <row r="55" spans="1:23" ht="9" customHeight="1">
      <c r="A55" s="179"/>
      <c r="B55" s="141"/>
      <c r="C55" s="141"/>
      <c r="D55" s="141"/>
      <c r="E55" s="858"/>
      <c r="F55" s="193"/>
      <c r="G55" s="194"/>
      <c r="H55" s="194"/>
      <c r="I55" s="1000"/>
      <c r="J55" s="195"/>
      <c r="K55" s="196"/>
      <c r="L55" s="196"/>
      <c r="M55" s="196"/>
      <c r="N55" s="197"/>
      <c r="O55" s="198"/>
      <c r="P55" s="198"/>
      <c r="Q55" s="199"/>
      <c r="R55" s="145"/>
      <c r="S55" s="145"/>
      <c r="T55" s="146"/>
      <c r="U55" s="204"/>
      <c r="V55" s="200"/>
      <c r="W55" s="147"/>
    </row>
    <row r="56" spans="1:23" ht="12.75" customHeight="1">
      <c r="A56" s="206" t="s">
        <v>378</v>
      </c>
      <c r="B56" s="138">
        <v>662806</v>
      </c>
      <c r="C56" s="138">
        <v>76507</v>
      </c>
      <c r="D56" s="138">
        <v>379703</v>
      </c>
      <c r="E56" s="857">
        <v>197967</v>
      </c>
      <c r="F56" s="191">
        <v>661093</v>
      </c>
      <c r="G56" s="192">
        <v>77398</v>
      </c>
      <c r="H56" s="192">
        <v>378641</v>
      </c>
      <c r="I56" s="999">
        <v>196425</v>
      </c>
      <c r="J56" s="604">
        <v>1713</v>
      </c>
      <c r="K56" s="605">
        <v>-891</v>
      </c>
      <c r="L56" s="605">
        <v>1062</v>
      </c>
      <c r="M56" s="605">
        <v>1542</v>
      </c>
      <c r="N56" s="598">
        <v>0.25911634217878571</v>
      </c>
      <c r="O56" s="598">
        <v>-1.151192537274865</v>
      </c>
      <c r="P56" s="598">
        <v>0.28047675766755314</v>
      </c>
      <c r="Q56" s="599">
        <v>0.78503245513554787</v>
      </c>
      <c r="R56" s="600">
        <v>11.7</v>
      </c>
      <c r="S56" s="600">
        <v>58</v>
      </c>
      <c r="T56" s="601">
        <v>30.3</v>
      </c>
      <c r="U56" s="602">
        <v>48.81</v>
      </c>
      <c r="V56" s="603">
        <v>258.8</v>
      </c>
      <c r="W56" s="139"/>
    </row>
    <row r="57" spans="1:23" ht="12.75" customHeight="1">
      <c r="A57" s="179" t="s">
        <v>379</v>
      </c>
      <c r="B57" s="141">
        <v>129058</v>
      </c>
      <c r="C57" s="141">
        <v>13893</v>
      </c>
      <c r="D57" s="141">
        <v>72644</v>
      </c>
      <c r="E57" s="858">
        <v>40357</v>
      </c>
      <c r="F57" s="202">
        <v>129333</v>
      </c>
      <c r="G57" s="203">
        <v>14262</v>
      </c>
      <c r="H57" s="203">
        <v>72785</v>
      </c>
      <c r="I57" s="1001">
        <v>40122</v>
      </c>
      <c r="J57" s="195">
        <v>-275</v>
      </c>
      <c r="K57" s="196">
        <v>-369</v>
      </c>
      <c r="L57" s="196">
        <v>-141</v>
      </c>
      <c r="M57" s="196">
        <v>235</v>
      </c>
      <c r="N57" s="142">
        <v>-0.21262941399333504</v>
      </c>
      <c r="O57" s="142">
        <v>-2.5872949095498528</v>
      </c>
      <c r="P57" s="142">
        <v>-0.1937212337706945</v>
      </c>
      <c r="Q57" s="144">
        <v>0.58571357360051846</v>
      </c>
      <c r="R57" s="145">
        <v>10.9</v>
      </c>
      <c r="S57" s="145">
        <v>57.2</v>
      </c>
      <c r="T57" s="146">
        <v>31.8</v>
      </c>
      <c r="U57" s="204">
        <v>49.65</v>
      </c>
      <c r="V57" s="200">
        <v>290.5</v>
      </c>
      <c r="W57" s="147"/>
    </row>
    <row r="58" spans="1:23" ht="12.75" customHeight="1">
      <c r="A58" s="179" t="s">
        <v>380</v>
      </c>
      <c r="B58" s="141">
        <v>223630</v>
      </c>
      <c r="C58" s="141">
        <v>27631</v>
      </c>
      <c r="D58" s="141">
        <v>131975</v>
      </c>
      <c r="E58" s="858">
        <v>60679</v>
      </c>
      <c r="F58" s="202">
        <v>221931</v>
      </c>
      <c r="G58" s="203">
        <v>27718</v>
      </c>
      <c r="H58" s="203">
        <v>130556</v>
      </c>
      <c r="I58" s="1001">
        <v>60312</v>
      </c>
      <c r="J58" s="195">
        <v>1699</v>
      </c>
      <c r="K58" s="196">
        <v>-87</v>
      </c>
      <c r="L58" s="196">
        <v>1419</v>
      </c>
      <c r="M58" s="196">
        <v>367</v>
      </c>
      <c r="N58" s="142">
        <v>0.76555325754401149</v>
      </c>
      <c r="O58" s="142">
        <v>-0.31387545998989824</v>
      </c>
      <c r="P58" s="142">
        <v>1.0868899169704955</v>
      </c>
      <c r="Q58" s="144">
        <v>0.6085024539063536</v>
      </c>
      <c r="R58" s="145">
        <v>12.5</v>
      </c>
      <c r="S58" s="145">
        <v>59.9</v>
      </c>
      <c r="T58" s="146">
        <v>27.5</v>
      </c>
      <c r="U58" s="204">
        <v>47.49</v>
      </c>
      <c r="V58" s="200">
        <v>219.6</v>
      </c>
      <c r="W58" s="147"/>
    </row>
    <row r="59" spans="1:23" ht="12.75" customHeight="1">
      <c r="A59" s="179" t="s">
        <v>381</v>
      </c>
      <c r="B59" s="141">
        <v>125680</v>
      </c>
      <c r="C59" s="141">
        <v>15143</v>
      </c>
      <c r="D59" s="141">
        <v>72855</v>
      </c>
      <c r="E59" s="858">
        <v>36924</v>
      </c>
      <c r="F59" s="202">
        <v>124876</v>
      </c>
      <c r="G59" s="203">
        <v>15156</v>
      </c>
      <c r="H59" s="203">
        <v>72443</v>
      </c>
      <c r="I59" s="1001">
        <v>36519</v>
      </c>
      <c r="J59" s="195">
        <v>804</v>
      </c>
      <c r="K59" s="196">
        <v>-13</v>
      </c>
      <c r="L59" s="196">
        <v>412</v>
      </c>
      <c r="M59" s="196">
        <v>405</v>
      </c>
      <c r="N59" s="142">
        <v>0.64383868797847466</v>
      </c>
      <c r="O59" s="142">
        <v>-8.5774610715228294E-2</v>
      </c>
      <c r="P59" s="142">
        <v>0.56872299601065668</v>
      </c>
      <c r="Q59" s="144">
        <v>1.1090117473096195</v>
      </c>
      <c r="R59" s="145">
        <v>12.1</v>
      </c>
      <c r="S59" s="145">
        <v>58.3</v>
      </c>
      <c r="T59" s="146">
        <v>29.6</v>
      </c>
      <c r="U59" s="204">
        <v>48.61</v>
      </c>
      <c r="V59" s="200">
        <v>243.8</v>
      </c>
      <c r="W59" s="147"/>
    </row>
    <row r="60" spans="1:23" ht="12.75" customHeight="1">
      <c r="A60" s="179" t="s">
        <v>382</v>
      </c>
      <c r="B60" s="141">
        <v>80139</v>
      </c>
      <c r="C60" s="141">
        <v>8255</v>
      </c>
      <c r="D60" s="141">
        <v>43963</v>
      </c>
      <c r="E60" s="858">
        <v>26836</v>
      </c>
      <c r="F60" s="202">
        <v>80276</v>
      </c>
      <c r="G60" s="203">
        <v>8520</v>
      </c>
      <c r="H60" s="203">
        <v>44238</v>
      </c>
      <c r="I60" s="1001">
        <v>26433</v>
      </c>
      <c r="J60" s="195">
        <v>-137</v>
      </c>
      <c r="K60" s="196">
        <v>-265</v>
      </c>
      <c r="L60" s="196">
        <v>-275</v>
      </c>
      <c r="M60" s="196">
        <v>403</v>
      </c>
      <c r="N60" s="142">
        <v>-0.17066121879515669</v>
      </c>
      <c r="O60" s="142">
        <v>-3.1103286384976525</v>
      </c>
      <c r="P60" s="142">
        <v>-0.62163750621637504</v>
      </c>
      <c r="Q60" s="144">
        <v>1.5246093897779291</v>
      </c>
      <c r="R60" s="145">
        <v>10.4</v>
      </c>
      <c r="S60" s="145">
        <v>55.6</v>
      </c>
      <c r="T60" s="146">
        <v>33.9</v>
      </c>
      <c r="U60" s="204">
        <v>50.36</v>
      </c>
      <c r="V60" s="200">
        <v>325.10000000000002</v>
      </c>
      <c r="W60" s="147"/>
    </row>
    <row r="61" spans="1:23" ht="12.75" customHeight="1">
      <c r="A61" s="179" t="s">
        <v>383</v>
      </c>
      <c r="B61" s="141">
        <v>49998</v>
      </c>
      <c r="C61" s="141">
        <v>5579</v>
      </c>
      <c r="D61" s="141">
        <v>28879</v>
      </c>
      <c r="E61" s="858">
        <v>14537</v>
      </c>
      <c r="F61" s="202">
        <v>50187</v>
      </c>
      <c r="G61" s="203">
        <v>5694</v>
      </c>
      <c r="H61" s="203">
        <v>28991</v>
      </c>
      <c r="I61" s="1001">
        <v>14499</v>
      </c>
      <c r="J61" s="195">
        <v>-189</v>
      </c>
      <c r="K61" s="196">
        <v>-115</v>
      </c>
      <c r="L61" s="196">
        <v>-112</v>
      </c>
      <c r="M61" s="196">
        <v>38</v>
      </c>
      <c r="N61" s="142">
        <v>-0.37659154761193137</v>
      </c>
      <c r="O61" s="142">
        <v>-2.0196698278890057</v>
      </c>
      <c r="P61" s="142">
        <v>-0.38632679107309165</v>
      </c>
      <c r="Q61" s="144">
        <v>0.2620870404855507</v>
      </c>
      <c r="R61" s="145">
        <v>11.4</v>
      </c>
      <c r="S61" s="145">
        <v>58.9</v>
      </c>
      <c r="T61" s="146">
        <v>29.7</v>
      </c>
      <c r="U61" s="204">
        <v>48.34</v>
      </c>
      <c r="V61" s="200">
        <v>260.60000000000002</v>
      </c>
      <c r="W61" s="147"/>
    </row>
    <row r="62" spans="1:23" ht="12.75" customHeight="1">
      <c r="A62" s="179" t="s">
        <v>384</v>
      </c>
      <c r="B62" s="141">
        <v>23975</v>
      </c>
      <c r="C62" s="141">
        <v>2962</v>
      </c>
      <c r="D62" s="141">
        <v>13595</v>
      </c>
      <c r="E62" s="858">
        <v>7245</v>
      </c>
      <c r="F62" s="202">
        <v>23947</v>
      </c>
      <c r="G62" s="203">
        <v>2975</v>
      </c>
      <c r="H62" s="203">
        <v>13610</v>
      </c>
      <c r="I62" s="1001">
        <v>7189</v>
      </c>
      <c r="J62" s="195">
        <v>28</v>
      </c>
      <c r="K62" s="196">
        <v>-13</v>
      </c>
      <c r="L62" s="196">
        <v>-15</v>
      </c>
      <c r="M62" s="196">
        <v>56</v>
      </c>
      <c r="N62" s="142">
        <v>0.1169248757673195</v>
      </c>
      <c r="O62" s="142">
        <v>-0.43697478991596639</v>
      </c>
      <c r="P62" s="142">
        <v>-0.11021307861866275</v>
      </c>
      <c r="Q62" s="144">
        <v>0.77896786757546255</v>
      </c>
      <c r="R62" s="145">
        <v>12.4</v>
      </c>
      <c r="S62" s="145">
        <v>57.1</v>
      </c>
      <c r="T62" s="146">
        <v>30.4</v>
      </c>
      <c r="U62" s="204">
        <v>48.18</v>
      </c>
      <c r="V62" s="200">
        <v>244.6</v>
      </c>
      <c r="W62" s="147"/>
    </row>
    <row r="63" spans="1:23" ht="12.75" customHeight="1">
      <c r="A63" s="179" t="s">
        <v>385</v>
      </c>
      <c r="B63" s="141">
        <v>16119</v>
      </c>
      <c r="C63" s="141">
        <v>1715</v>
      </c>
      <c r="D63" s="141">
        <v>8396</v>
      </c>
      <c r="E63" s="858">
        <v>6003</v>
      </c>
      <c r="F63" s="202">
        <v>16267</v>
      </c>
      <c r="G63" s="203">
        <v>1725</v>
      </c>
      <c r="H63" s="203">
        <v>8542</v>
      </c>
      <c r="I63" s="1001">
        <v>5995</v>
      </c>
      <c r="J63" s="195">
        <v>-148</v>
      </c>
      <c r="K63" s="196">
        <v>-10</v>
      </c>
      <c r="L63" s="196">
        <v>-146</v>
      </c>
      <c r="M63" s="196">
        <v>8</v>
      </c>
      <c r="N63" s="142">
        <v>-0.90981742177414404</v>
      </c>
      <c r="O63" s="142">
        <v>-0.57971014492753625</v>
      </c>
      <c r="P63" s="142">
        <v>-1.7092015921329899</v>
      </c>
      <c r="Q63" s="144">
        <v>0.13344453711426188</v>
      </c>
      <c r="R63" s="145">
        <v>10.6</v>
      </c>
      <c r="S63" s="145">
        <v>52.1</v>
      </c>
      <c r="T63" s="146">
        <v>37.299999999999997</v>
      </c>
      <c r="U63" s="204">
        <v>52.45</v>
      </c>
      <c r="V63" s="200">
        <v>350</v>
      </c>
      <c r="W63" s="147"/>
    </row>
    <row r="64" spans="1:23" ht="12.75" customHeight="1">
      <c r="A64" s="179" t="s">
        <v>386</v>
      </c>
      <c r="B64" s="141">
        <v>14207</v>
      </c>
      <c r="C64" s="141">
        <v>1329</v>
      </c>
      <c r="D64" s="141">
        <v>7396</v>
      </c>
      <c r="E64" s="858">
        <v>5386</v>
      </c>
      <c r="F64" s="202">
        <v>14276</v>
      </c>
      <c r="G64" s="203">
        <v>1348</v>
      </c>
      <c r="H64" s="203">
        <v>7476</v>
      </c>
      <c r="I64" s="1001">
        <v>5356</v>
      </c>
      <c r="J64" s="195">
        <v>-69</v>
      </c>
      <c r="K64" s="196">
        <v>-19</v>
      </c>
      <c r="L64" s="196">
        <v>-80</v>
      </c>
      <c r="M64" s="196">
        <v>30</v>
      </c>
      <c r="N64" s="142">
        <v>-0.48332866349117404</v>
      </c>
      <c r="O64" s="142">
        <v>-1.4094955489614243</v>
      </c>
      <c r="P64" s="142">
        <v>-1.0700909577314071</v>
      </c>
      <c r="Q64" s="144">
        <v>0.56011949215832713</v>
      </c>
      <c r="R64" s="145">
        <v>9.4</v>
      </c>
      <c r="S64" s="145">
        <v>52.4</v>
      </c>
      <c r="T64" s="146">
        <v>38.200000000000003</v>
      </c>
      <c r="U64" s="204">
        <v>53.34</v>
      </c>
      <c r="V64" s="200">
        <v>405.3</v>
      </c>
      <c r="W64" s="147"/>
    </row>
    <row r="65" spans="1:23" ht="9" customHeight="1">
      <c r="A65" s="179"/>
      <c r="B65" s="141"/>
      <c r="C65" s="141"/>
      <c r="D65" s="141"/>
      <c r="E65" s="858"/>
      <c r="F65" s="193"/>
      <c r="G65" s="194"/>
      <c r="H65" s="194"/>
      <c r="I65" s="1000"/>
      <c r="J65" s="195"/>
      <c r="K65" s="196"/>
      <c r="L65" s="196"/>
      <c r="M65" s="196"/>
      <c r="N65" s="197"/>
      <c r="O65" s="198"/>
      <c r="P65" s="198"/>
      <c r="Q65" s="199"/>
      <c r="R65" s="145"/>
      <c r="S65" s="145"/>
      <c r="T65" s="146"/>
      <c r="U65" s="204"/>
      <c r="V65" s="200"/>
      <c r="W65" s="147"/>
    </row>
    <row r="66" spans="1:23" ht="12.75" customHeight="1">
      <c r="A66" s="206" t="s">
        <v>387</v>
      </c>
      <c r="B66" s="138">
        <v>172417</v>
      </c>
      <c r="C66" s="138">
        <v>16713</v>
      </c>
      <c r="D66" s="138">
        <v>92113</v>
      </c>
      <c r="E66" s="857">
        <v>60862</v>
      </c>
      <c r="F66" s="191">
        <v>173338</v>
      </c>
      <c r="G66" s="192">
        <v>17148</v>
      </c>
      <c r="H66" s="192">
        <v>92820</v>
      </c>
      <c r="I66" s="999">
        <v>60640</v>
      </c>
      <c r="J66" s="604">
        <v>-921</v>
      </c>
      <c r="K66" s="605">
        <v>-435</v>
      </c>
      <c r="L66" s="605">
        <v>-707</v>
      </c>
      <c r="M66" s="605">
        <v>222</v>
      </c>
      <c r="N66" s="598">
        <v>-0.53133184875791806</v>
      </c>
      <c r="O66" s="598">
        <v>-2.5367389783065084</v>
      </c>
      <c r="P66" s="598">
        <v>-0.76168929110105577</v>
      </c>
      <c r="Q66" s="599">
        <v>0.36609498680738783</v>
      </c>
      <c r="R66" s="600">
        <v>9.8000000000000007</v>
      </c>
      <c r="S66" s="600">
        <v>54.3</v>
      </c>
      <c r="T66" s="601">
        <v>35.9</v>
      </c>
      <c r="U66" s="602">
        <v>51.88</v>
      </c>
      <c r="V66" s="603">
        <v>364.2</v>
      </c>
      <c r="W66" s="139"/>
    </row>
    <row r="67" spans="1:23" ht="12.75" customHeight="1">
      <c r="A67" s="179" t="s">
        <v>388</v>
      </c>
      <c r="B67" s="141">
        <v>97187</v>
      </c>
      <c r="C67" s="141">
        <v>9710</v>
      </c>
      <c r="D67" s="141">
        <v>53555</v>
      </c>
      <c r="E67" s="858">
        <v>32043</v>
      </c>
      <c r="F67" s="202">
        <v>97499</v>
      </c>
      <c r="G67" s="203">
        <v>9952</v>
      </c>
      <c r="H67" s="203">
        <v>53801</v>
      </c>
      <c r="I67" s="1001">
        <v>31867</v>
      </c>
      <c r="J67" s="195">
        <v>-312</v>
      </c>
      <c r="K67" s="196">
        <v>-242</v>
      </c>
      <c r="L67" s="196">
        <v>-246</v>
      </c>
      <c r="M67" s="196">
        <v>176</v>
      </c>
      <c r="N67" s="197">
        <v>-0.32000328208494444</v>
      </c>
      <c r="O67" s="197">
        <v>-2.4316720257234725</v>
      </c>
      <c r="P67" s="197">
        <v>-0.45724057173658478</v>
      </c>
      <c r="Q67" s="199">
        <v>0.55229547808077317</v>
      </c>
      <c r="R67" s="145">
        <v>10.199999999999999</v>
      </c>
      <c r="S67" s="145">
        <v>56.2</v>
      </c>
      <c r="T67" s="146">
        <v>33.6</v>
      </c>
      <c r="U67" s="204">
        <v>50.85</v>
      </c>
      <c r="V67" s="200">
        <v>330</v>
      </c>
      <c r="W67" s="147"/>
    </row>
    <row r="68" spans="1:23" ht="12.75" customHeight="1">
      <c r="A68" s="179" t="s">
        <v>389</v>
      </c>
      <c r="B68" s="141">
        <v>20600</v>
      </c>
      <c r="C68" s="141">
        <v>2111</v>
      </c>
      <c r="D68" s="141">
        <v>10810</v>
      </c>
      <c r="E68" s="858">
        <v>7480</v>
      </c>
      <c r="F68" s="202">
        <v>20787</v>
      </c>
      <c r="G68" s="203">
        <v>2171</v>
      </c>
      <c r="H68" s="203">
        <v>10956</v>
      </c>
      <c r="I68" s="1001">
        <v>7461</v>
      </c>
      <c r="J68" s="195">
        <v>-187</v>
      </c>
      <c r="K68" s="196">
        <v>-60</v>
      </c>
      <c r="L68" s="196">
        <v>-146</v>
      </c>
      <c r="M68" s="196">
        <v>19</v>
      </c>
      <c r="N68" s="197">
        <v>-0.89960071198345126</v>
      </c>
      <c r="O68" s="197">
        <v>-2.7637033625057579</v>
      </c>
      <c r="P68" s="197">
        <v>-1.3326031398320555</v>
      </c>
      <c r="Q68" s="199">
        <v>0.25465755260688916</v>
      </c>
      <c r="R68" s="145">
        <v>10.3</v>
      </c>
      <c r="S68" s="145">
        <v>53</v>
      </c>
      <c r="T68" s="146">
        <v>36.700000000000003</v>
      </c>
      <c r="U68" s="204">
        <v>52.14</v>
      </c>
      <c r="V68" s="200">
        <v>354.3</v>
      </c>
      <c r="W68" s="147"/>
    </row>
    <row r="69" spans="1:23" ht="12.75" customHeight="1">
      <c r="A69" s="179" t="s">
        <v>390</v>
      </c>
      <c r="B69" s="141">
        <v>4556</v>
      </c>
      <c r="C69" s="141">
        <v>402</v>
      </c>
      <c r="D69" s="141">
        <v>2224</v>
      </c>
      <c r="E69" s="858">
        <v>1811</v>
      </c>
      <c r="F69" s="202">
        <v>4616</v>
      </c>
      <c r="G69" s="203">
        <v>430</v>
      </c>
      <c r="H69" s="203">
        <v>2268</v>
      </c>
      <c r="I69" s="1001">
        <v>1799</v>
      </c>
      <c r="J69" s="195">
        <v>-60</v>
      </c>
      <c r="K69" s="196">
        <v>-28</v>
      </c>
      <c r="L69" s="196">
        <v>-44</v>
      </c>
      <c r="M69" s="196">
        <v>12</v>
      </c>
      <c r="N69" s="197">
        <v>-1.2998266897746966</v>
      </c>
      <c r="O69" s="197">
        <v>-6.5116279069767442</v>
      </c>
      <c r="P69" s="197">
        <v>-1.9400352733686066</v>
      </c>
      <c r="Q69" s="199">
        <v>0.66703724291272926</v>
      </c>
      <c r="R69" s="145">
        <v>9.1</v>
      </c>
      <c r="S69" s="145">
        <v>50.1</v>
      </c>
      <c r="T69" s="146">
        <v>40.799999999999997</v>
      </c>
      <c r="U69" s="204">
        <v>54.02</v>
      </c>
      <c r="V69" s="200">
        <v>450.5</v>
      </c>
      <c r="W69" s="147"/>
    </row>
    <row r="70" spans="1:23" ht="12.75" customHeight="1">
      <c r="A70" s="179" t="s">
        <v>391</v>
      </c>
      <c r="B70" s="141">
        <v>8764</v>
      </c>
      <c r="C70" s="141">
        <v>992</v>
      </c>
      <c r="D70" s="141">
        <v>4925</v>
      </c>
      <c r="E70" s="858">
        <v>2777</v>
      </c>
      <c r="F70" s="202">
        <v>8707</v>
      </c>
      <c r="G70" s="203">
        <v>1006</v>
      </c>
      <c r="H70" s="203">
        <v>4868</v>
      </c>
      <c r="I70" s="1001">
        <v>2763</v>
      </c>
      <c r="J70" s="195">
        <v>57</v>
      </c>
      <c r="K70" s="196">
        <v>-14</v>
      </c>
      <c r="L70" s="196">
        <v>57</v>
      </c>
      <c r="M70" s="196">
        <v>14</v>
      </c>
      <c r="N70" s="197">
        <v>0.6546456873779718</v>
      </c>
      <c r="O70" s="197">
        <v>-1.3916500994035785</v>
      </c>
      <c r="P70" s="197">
        <v>1.1709120788824978</v>
      </c>
      <c r="Q70" s="199">
        <v>0.50669562070213536</v>
      </c>
      <c r="R70" s="145">
        <v>11.4</v>
      </c>
      <c r="S70" s="145">
        <v>56.6</v>
      </c>
      <c r="T70" s="146">
        <v>31.9</v>
      </c>
      <c r="U70" s="204">
        <v>49.31</v>
      </c>
      <c r="V70" s="200">
        <v>279.89999999999998</v>
      </c>
      <c r="W70" s="147"/>
    </row>
    <row r="71" spans="1:23" ht="12.75" customHeight="1">
      <c r="A71" s="179" t="s">
        <v>392</v>
      </c>
      <c r="B71" s="141">
        <v>5342</v>
      </c>
      <c r="C71" s="141">
        <v>465</v>
      </c>
      <c r="D71" s="141">
        <v>2786</v>
      </c>
      <c r="E71" s="858">
        <v>2045</v>
      </c>
      <c r="F71" s="202">
        <v>5438</v>
      </c>
      <c r="G71" s="203">
        <v>477</v>
      </c>
      <c r="H71" s="203">
        <v>2877</v>
      </c>
      <c r="I71" s="1001">
        <v>2038</v>
      </c>
      <c r="J71" s="195">
        <v>-96</v>
      </c>
      <c r="K71" s="196">
        <v>-12</v>
      </c>
      <c r="L71" s="196">
        <v>-91</v>
      </c>
      <c r="M71" s="196">
        <v>7</v>
      </c>
      <c r="N71" s="197">
        <v>-1.7653549098933432</v>
      </c>
      <c r="O71" s="197">
        <v>-2.5157232704402519</v>
      </c>
      <c r="P71" s="197">
        <v>-3.1630170316301705</v>
      </c>
      <c r="Q71" s="199">
        <v>0.34347399411187435</v>
      </c>
      <c r="R71" s="145">
        <v>8.8000000000000007</v>
      </c>
      <c r="S71" s="145">
        <v>52.6</v>
      </c>
      <c r="T71" s="146">
        <v>38.6</v>
      </c>
      <c r="U71" s="204">
        <v>53.54</v>
      </c>
      <c r="V71" s="200">
        <v>439.8</v>
      </c>
      <c r="W71" s="147"/>
    </row>
    <row r="72" spans="1:23" ht="12.75" customHeight="1">
      <c r="A72" s="179" t="s">
        <v>393</v>
      </c>
      <c r="B72" s="141">
        <v>4823</v>
      </c>
      <c r="C72" s="141">
        <v>390</v>
      </c>
      <c r="D72" s="141">
        <v>2267</v>
      </c>
      <c r="E72" s="858">
        <v>2154</v>
      </c>
      <c r="F72" s="202">
        <v>4913</v>
      </c>
      <c r="G72" s="203">
        <v>407</v>
      </c>
      <c r="H72" s="203">
        <v>2353</v>
      </c>
      <c r="I72" s="1001">
        <v>2141</v>
      </c>
      <c r="J72" s="195">
        <v>-90</v>
      </c>
      <c r="K72" s="196">
        <v>-17</v>
      </c>
      <c r="L72" s="196">
        <v>-86</v>
      </c>
      <c r="M72" s="196">
        <v>13</v>
      </c>
      <c r="N72" s="197">
        <v>-1.8318746183594545</v>
      </c>
      <c r="O72" s="197">
        <v>-4.176904176904177</v>
      </c>
      <c r="P72" s="197">
        <v>-3.6549086272843181</v>
      </c>
      <c r="Q72" s="199">
        <v>0.60719290051377861</v>
      </c>
      <c r="R72" s="145">
        <v>8.1</v>
      </c>
      <c r="S72" s="145">
        <v>47.1</v>
      </c>
      <c r="T72" s="146">
        <v>44.8</v>
      </c>
      <c r="U72" s="204">
        <v>56.3</v>
      </c>
      <c r="V72" s="200">
        <v>552.29999999999995</v>
      </c>
      <c r="W72" s="147"/>
    </row>
    <row r="73" spans="1:23" ht="12.75" customHeight="1">
      <c r="A73" s="179" t="s">
        <v>394</v>
      </c>
      <c r="B73" s="141">
        <v>9541</v>
      </c>
      <c r="C73" s="141">
        <v>1320</v>
      </c>
      <c r="D73" s="141">
        <v>5450</v>
      </c>
      <c r="E73" s="858">
        <v>2744</v>
      </c>
      <c r="F73" s="202">
        <v>9448</v>
      </c>
      <c r="G73" s="203">
        <v>1328</v>
      </c>
      <c r="H73" s="203">
        <v>5394</v>
      </c>
      <c r="I73" s="1001">
        <v>2699</v>
      </c>
      <c r="J73" s="195">
        <v>93</v>
      </c>
      <c r="K73" s="196">
        <v>-8</v>
      </c>
      <c r="L73" s="196">
        <v>56</v>
      </c>
      <c r="M73" s="196">
        <v>45</v>
      </c>
      <c r="N73" s="197">
        <v>0.98433530906011857</v>
      </c>
      <c r="O73" s="197">
        <v>-0.60240963855421692</v>
      </c>
      <c r="P73" s="197">
        <v>1.0381905821282906</v>
      </c>
      <c r="Q73" s="199">
        <v>1.6672841793256763</v>
      </c>
      <c r="R73" s="145">
        <v>13.9</v>
      </c>
      <c r="S73" s="145">
        <v>57.3</v>
      </c>
      <c r="T73" s="146">
        <v>28.8</v>
      </c>
      <c r="U73" s="204">
        <v>47.36</v>
      </c>
      <c r="V73" s="200">
        <v>207.9</v>
      </c>
      <c r="W73" s="147"/>
    </row>
    <row r="74" spans="1:23" ht="12.75" customHeight="1">
      <c r="A74" s="179" t="s">
        <v>395</v>
      </c>
      <c r="B74" s="141">
        <v>5741</v>
      </c>
      <c r="C74" s="141">
        <v>330</v>
      </c>
      <c r="D74" s="141">
        <v>2858</v>
      </c>
      <c r="E74" s="858">
        <v>2318</v>
      </c>
      <c r="F74" s="202">
        <v>5827</v>
      </c>
      <c r="G74" s="203">
        <v>345</v>
      </c>
      <c r="H74" s="203">
        <v>2916</v>
      </c>
      <c r="I74" s="1001">
        <v>2331</v>
      </c>
      <c r="J74" s="195">
        <v>-86</v>
      </c>
      <c r="K74" s="196">
        <v>-15</v>
      </c>
      <c r="L74" s="196">
        <v>-58</v>
      </c>
      <c r="M74" s="196">
        <v>-13</v>
      </c>
      <c r="N74" s="197">
        <v>-1.4758881070876952</v>
      </c>
      <c r="O74" s="197">
        <v>-4.3478260869565215</v>
      </c>
      <c r="P74" s="197">
        <v>-1.9890260631001373</v>
      </c>
      <c r="Q74" s="199">
        <v>-0.55770055770055771</v>
      </c>
      <c r="R74" s="145">
        <v>6</v>
      </c>
      <c r="S74" s="145">
        <v>51.9</v>
      </c>
      <c r="T74" s="146">
        <v>42.1</v>
      </c>
      <c r="U74" s="204">
        <v>54.47</v>
      </c>
      <c r="V74" s="200">
        <v>702.4</v>
      </c>
      <c r="W74" s="147"/>
    </row>
    <row r="75" spans="1:23" ht="12.75" customHeight="1">
      <c r="A75" s="179" t="s">
        <v>396</v>
      </c>
      <c r="B75" s="141">
        <v>3533</v>
      </c>
      <c r="C75" s="141">
        <v>221</v>
      </c>
      <c r="D75" s="141">
        <v>1640</v>
      </c>
      <c r="E75" s="858">
        <v>1669</v>
      </c>
      <c r="F75" s="202">
        <v>3585</v>
      </c>
      <c r="G75" s="203">
        <v>231</v>
      </c>
      <c r="H75" s="203">
        <v>1682</v>
      </c>
      <c r="I75" s="1001">
        <v>1668</v>
      </c>
      <c r="J75" s="195">
        <v>-52</v>
      </c>
      <c r="K75" s="196">
        <v>-10</v>
      </c>
      <c r="L75" s="196">
        <v>-42</v>
      </c>
      <c r="M75" s="196">
        <v>1</v>
      </c>
      <c r="N75" s="197">
        <v>-1.4504881450488145</v>
      </c>
      <c r="O75" s="197">
        <v>-4.329004329004329</v>
      </c>
      <c r="P75" s="197">
        <v>-2.4970273483947683</v>
      </c>
      <c r="Q75" s="199">
        <v>5.9952038369304551E-2</v>
      </c>
      <c r="R75" s="145">
        <v>6.3</v>
      </c>
      <c r="S75" s="145">
        <v>46.5</v>
      </c>
      <c r="T75" s="146">
        <v>47.3</v>
      </c>
      <c r="U75" s="204">
        <v>58.82</v>
      </c>
      <c r="V75" s="200">
        <v>755.2</v>
      </c>
      <c r="W75" s="147"/>
    </row>
    <row r="76" spans="1:23" ht="12.75" customHeight="1">
      <c r="A76" s="179" t="s">
        <v>397</v>
      </c>
      <c r="B76" s="141">
        <v>12330</v>
      </c>
      <c r="C76" s="141">
        <v>772</v>
      </c>
      <c r="D76" s="141">
        <v>5598</v>
      </c>
      <c r="E76" s="858">
        <v>5821</v>
      </c>
      <c r="F76" s="202">
        <v>12518</v>
      </c>
      <c r="G76" s="203">
        <v>801</v>
      </c>
      <c r="H76" s="203">
        <v>5705</v>
      </c>
      <c r="I76" s="1001">
        <v>5873</v>
      </c>
      <c r="J76" s="195">
        <v>-188</v>
      </c>
      <c r="K76" s="196">
        <v>-29</v>
      </c>
      <c r="L76" s="196">
        <v>-107</v>
      </c>
      <c r="M76" s="196">
        <v>-52</v>
      </c>
      <c r="N76" s="197">
        <v>-1.5018373542099377</v>
      </c>
      <c r="O76" s="197">
        <v>-3.6204744069912609</v>
      </c>
      <c r="P76" s="197">
        <v>-1.8755477651183172</v>
      </c>
      <c r="Q76" s="199">
        <v>-0.88540779839945505</v>
      </c>
      <c r="R76" s="145">
        <v>6.3</v>
      </c>
      <c r="S76" s="145">
        <v>45.9</v>
      </c>
      <c r="T76" s="146">
        <v>47.7</v>
      </c>
      <c r="U76" s="204">
        <v>58.46</v>
      </c>
      <c r="V76" s="200">
        <v>754</v>
      </c>
      <c r="W76" s="147"/>
    </row>
    <row r="77" spans="1:23" ht="12.6" customHeight="1" thickBot="1">
      <c r="A77" s="157"/>
      <c r="B77" s="158"/>
      <c r="C77" s="158"/>
      <c r="D77" s="158"/>
      <c r="E77" s="159"/>
      <c r="F77" s="207"/>
      <c r="G77" s="208"/>
      <c r="H77" s="208"/>
      <c r="I77" s="1005"/>
      <c r="J77" s="1008"/>
      <c r="K77" s="209"/>
      <c r="L77" s="209"/>
      <c r="M77" s="209"/>
      <c r="N77" s="210"/>
      <c r="O77" s="211"/>
      <c r="P77" s="211"/>
      <c r="Q77" s="212"/>
      <c r="R77" s="211"/>
      <c r="S77" s="211"/>
      <c r="T77" s="212"/>
      <c r="U77" s="213"/>
      <c r="V77" s="214"/>
      <c r="W77" s="147"/>
    </row>
    <row r="78" spans="1:23" s="171" customFormat="1" ht="9" customHeight="1" thickTop="1">
      <c r="A78" s="166"/>
      <c r="B78" s="167"/>
      <c r="C78" s="167"/>
      <c r="D78" s="167"/>
      <c r="E78" s="167"/>
      <c r="F78" s="167"/>
      <c r="G78" s="167"/>
      <c r="H78" s="167"/>
      <c r="I78" s="167"/>
      <c r="J78" s="167"/>
      <c r="K78" s="167"/>
      <c r="L78" s="168"/>
      <c r="M78" s="169"/>
      <c r="N78" s="169"/>
      <c r="O78" s="169"/>
      <c r="P78" s="169"/>
      <c r="Q78" s="169"/>
      <c r="R78" s="169"/>
      <c r="S78" s="170"/>
      <c r="T78" s="169"/>
      <c r="U78" s="169"/>
    </row>
    <row r="79" spans="1:23" s="171" customFormat="1" ht="15.95" customHeight="1">
      <c r="A79" s="172" t="s">
        <v>83</v>
      </c>
      <c r="B79" s="173"/>
      <c r="C79" s="173"/>
      <c r="D79" s="173"/>
      <c r="E79" s="173"/>
      <c r="F79" s="173"/>
      <c r="G79" s="173"/>
      <c r="H79" s="173"/>
      <c r="I79" s="173"/>
      <c r="J79" s="173"/>
      <c r="K79" s="173"/>
      <c r="L79" s="174"/>
      <c r="M79" s="174"/>
      <c r="N79" s="174"/>
      <c r="O79" s="174"/>
      <c r="P79" s="174"/>
      <c r="Q79" s="174"/>
      <c r="R79" s="174"/>
      <c r="S79" s="174"/>
      <c r="T79" s="174"/>
      <c r="U79" s="174"/>
    </row>
    <row r="80" spans="1:23" s="171" customFormat="1" ht="14.25">
      <c r="A80" s="172" t="s">
        <v>404</v>
      </c>
      <c r="B80" s="173"/>
      <c r="C80" s="173"/>
      <c r="D80" s="173"/>
      <c r="E80" s="173"/>
      <c r="F80" s="173"/>
      <c r="G80" s="173"/>
      <c r="H80" s="173"/>
      <c r="I80" s="173"/>
      <c r="J80" s="173"/>
      <c r="K80" s="173"/>
      <c r="L80" s="174"/>
      <c r="M80" s="175"/>
      <c r="N80" s="175"/>
      <c r="O80" s="175"/>
      <c r="P80" s="175"/>
      <c r="Q80" s="175"/>
      <c r="R80" s="175"/>
      <c r="S80" s="175"/>
      <c r="T80" s="175"/>
      <c r="U80" s="174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firstPageNumber="16" orientation="landscape" blackAndWhite="1" useFirstPageNumber="1" r:id="rId1"/>
  <headerFooter scaleWithDoc="0" alignWithMargins="0"/>
  <colBreaks count="1" manualBreakCount="1">
    <brk id="9" max="79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63"/>
  <sheetViews>
    <sheetView zoomScale="90" zoomScaleNormal="90" zoomScaleSheetLayoutView="100" workbookViewId="0"/>
  </sheetViews>
  <sheetFormatPr defaultRowHeight="11.25"/>
  <cols>
    <col min="1" max="1" width="4.375" style="215" customWidth="1"/>
    <col min="2" max="2" width="11.25" style="215" customWidth="1"/>
    <col min="3" max="3" width="11" style="215" customWidth="1"/>
    <col min="4" max="4" width="4.375" style="215" customWidth="1"/>
    <col min="5" max="11" width="10" style="215" customWidth="1"/>
    <col min="12" max="16384" width="9" style="215"/>
  </cols>
  <sheetData>
    <row r="1" spans="1:14" ht="16.5" customHeight="1" thickBot="1">
      <c r="A1" s="217" t="s">
        <v>405</v>
      </c>
      <c r="B1" s="218"/>
      <c r="C1" s="219"/>
      <c r="D1" s="219"/>
      <c r="E1" s="219"/>
      <c r="L1" s="216"/>
    </row>
    <row r="2" spans="1:14" s="222" customFormat="1" ht="15" customHeight="1" thickTop="1">
      <c r="A2" s="1050" t="s">
        <v>406</v>
      </c>
      <c r="B2" s="1051"/>
      <c r="C2" s="220"/>
      <c r="D2" s="221"/>
      <c r="E2" s="221"/>
      <c r="F2" s="221"/>
      <c r="G2" s="221"/>
      <c r="H2" s="221"/>
      <c r="I2" s="221"/>
      <c r="J2" s="221"/>
      <c r="K2" s="221"/>
      <c r="N2" s="223"/>
    </row>
    <row r="3" spans="1:14" s="222" customFormat="1" ht="15" customHeight="1">
      <c r="A3" s="1052"/>
      <c r="B3" s="1053"/>
      <c r="C3" s="1120" t="s">
        <v>252</v>
      </c>
      <c r="D3" s="1121" t="s">
        <v>407</v>
      </c>
      <c r="E3" s="1053"/>
      <c r="F3" s="224"/>
      <c r="G3" s="225"/>
      <c r="H3" s="226"/>
      <c r="I3" s="224"/>
      <c r="J3" s="225"/>
      <c r="K3" s="225"/>
    </row>
    <row r="4" spans="1:14" s="222" customFormat="1" ht="15" customHeight="1">
      <c r="A4" s="1052"/>
      <c r="B4" s="1053"/>
      <c r="C4" s="1120"/>
      <c r="D4" s="1121"/>
      <c r="E4" s="1053"/>
      <c r="F4" s="227" t="s">
        <v>408</v>
      </c>
      <c r="G4" s="228" t="s">
        <v>409</v>
      </c>
      <c r="H4" s="228" t="s">
        <v>410</v>
      </c>
      <c r="I4" s="229" t="s">
        <v>411</v>
      </c>
      <c r="J4" s="230" t="s">
        <v>412</v>
      </c>
      <c r="K4" s="230" t="s">
        <v>413</v>
      </c>
    </row>
    <row r="5" spans="1:14" s="222" customFormat="1" ht="15" customHeight="1">
      <c r="A5" s="1054"/>
      <c r="B5" s="1055"/>
      <c r="C5" s="231"/>
      <c r="D5" s="1122" t="s">
        <v>414</v>
      </c>
      <c r="E5" s="1055"/>
      <c r="F5" s="227" t="s">
        <v>415</v>
      </c>
      <c r="G5" s="227" t="s">
        <v>416</v>
      </c>
      <c r="H5" s="232" t="s">
        <v>417</v>
      </c>
      <c r="I5" s="229" t="s">
        <v>418</v>
      </c>
      <c r="J5" s="229" t="s">
        <v>419</v>
      </c>
      <c r="K5" s="227" t="s">
        <v>420</v>
      </c>
    </row>
    <row r="6" spans="1:14" ht="13.5" customHeight="1">
      <c r="A6" s="233"/>
      <c r="B6" s="234" t="s">
        <v>190</v>
      </c>
      <c r="C6" s="235"/>
      <c r="D6" s="236"/>
      <c r="E6" s="234" t="s">
        <v>189</v>
      </c>
      <c r="F6" s="237" t="s">
        <v>189</v>
      </c>
      <c r="G6" s="238" t="s">
        <v>189</v>
      </c>
      <c r="H6" s="239" t="s">
        <v>189</v>
      </c>
      <c r="I6" s="239" t="s">
        <v>189</v>
      </c>
      <c r="J6" s="234" t="s">
        <v>189</v>
      </c>
      <c r="K6" s="237" t="s">
        <v>189</v>
      </c>
    </row>
    <row r="7" spans="1:14" ht="13.5" customHeight="1">
      <c r="A7" s="775"/>
      <c r="B7" s="564">
        <v>9231177</v>
      </c>
      <c r="C7" s="241" t="s">
        <v>191</v>
      </c>
      <c r="D7" s="242"/>
      <c r="E7" s="861">
        <v>-5160</v>
      </c>
      <c r="F7" s="861">
        <v>-29983</v>
      </c>
      <c r="G7" s="861">
        <v>60549</v>
      </c>
      <c r="H7" s="861">
        <v>90532</v>
      </c>
      <c r="I7" s="861">
        <v>24823</v>
      </c>
      <c r="J7" s="861">
        <v>488358</v>
      </c>
      <c r="K7" s="861">
        <v>463535</v>
      </c>
    </row>
    <row r="8" spans="1:14" ht="13.5" customHeight="1">
      <c r="A8" s="243"/>
      <c r="B8" s="244"/>
      <c r="C8" s="245"/>
      <c r="D8" s="246"/>
      <c r="E8" s="862"/>
      <c r="F8" s="863"/>
      <c r="G8" s="863"/>
      <c r="H8" s="863"/>
      <c r="I8" s="863"/>
      <c r="J8" s="863"/>
      <c r="K8" s="864"/>
    </row>
    <row r="9" spans="1:14" ht="13.5" customHeight="1">
      <c r="A9" s="1118" t="s">
        <v>421</v>
      </c>
      <c r="B9" s="565">
        <v>319528</v>
      </c>
      <c r="C9" s="248" t="s">
        <v>422</v>
      </c>
      <c r="D9" s="1119" t="s">
        <v>423</v>
      </c>
      <c r="E9" s="865">
        <v>61104</v>
      </c>
      <c r="F9" s="865">
        <v>60438</v>
      </c>
      <c r="G9" s="865">
        <v>60549</v>
      </c>
      <c r="H9" s="865">
        <v>111</v>
      </c>
      <c r="I9" s="865">
        <v>666</v>
      </c>
      <c r="J9" s="865">
        <v>24663</v>
      </c>
      <c r="K9" s="865">
        <v>23997</v>
      </c>
    </row>
    <row r="10" spans="1:14" ht="13.5" customHeight="1">
      <c r="A10" s="1118"/>
      <c r="B10" s="565">
        <v>362880</v>
      </c>
      <c r="C10" s="566" t="s">
        <v>424</v>
      </c>
      <c r="D10" s="1119"/>
      <c r="E10" s="865">
        <v>-111</v>
      </c>
      <c r="F10" s="865">
        <v>-30</v>
      </c>
      <c r="G10" s="866" t="s">
        <v>24</v>
      </c>
      <c r="H10" s="865">
        <v>30</v>
      </c>
      <c r="I10" s="865">
        <v>-81</v>
      </c>
      <c r="J10" s="865">
        <v>12170</v>
      </c>
      <c r="K10" s="865">
        <v>12251</v>
      </c>
    </row>
    <row r="11" spans="1:14" ht="13.5" customHeight="1">
      <c r="A11" s="1118"/>
      <c r="B11" s="565">
        <v>383591</v>
      </c>
      <c r="C11" s="566" t="s">
        <v>425</v>
      </c>
      <c r="D11" s="1119"/>
      <c r="E11" s="865">
        <v>308</v>
      </c>
      <c r="F11" s="865">
        <v>-26</v>
      </c>
      <c r="G11" s="866" t="s">
        <v>24</v>
      </c>
      <c r="H11" s="865">
        <v>26</v>
      </c>
      <c r="I11" s="865">
        <v>334</v>
      </c>
      <c r="J11" s="865">
        <v>6732</v>
      </c>
      <c r="K11" s="865">
        <v>6398</v>
      </c>
    </row>
    <row r="12" spans="1:14" ht="13.5" customHeight="1">
      <c r="A12" s="1118"/>
      <c r="B12" s="565">
        <v>398649</v>
      </c>
      <c r="C12" s="566" t="s">
        <v>426</v>
      </c>
      <c r="D12" s="1119"/>
      <c r="E12" s="865">
        <v>5018</v>
      </c>
      <c r="F12" s="865">
        <v>-96</v>
      </c>
      <c r="G12" s="866" t="s">
        <v>24</v>
      </c>
      <c r="H12" s="865">
        <v>96</v>
      </c>
      <c r="I12" s="865">
        <v>5114</v>
      </c>
      <c r="J12" s="865">
        <v>17350</v>
      </c>
      <c r="K12" s="865">
        <v>12236</v>
      </c>
    </row>
    <row r="13" spans="1:14" ht="13.5" customHeight="1">
      <c r="A13" s="1118"/>
      <c r="B13" s="567">
        <v>492720</v>
      </c>
      <c r="C13" s="568" t="s">
        <v>427</v>
      </c>
      <c r="D13" s="1119"/>
      <c r="E13" s="863">
        <v>10836</v>
      </c>
      <c r="F13" s="865">
        <v>-127</v>
      </c>
      <c r="G13" s="867" t="s">
        <v>24</v>
      </c>
      <c r="H13" s="863">
        <v>127</v>
      </c>
      <c r="I13" s="864">
        <v>10963</v>
      </c>
      <c r="J13" s="864">
        <v>80553</v>
      </c>
      <c r="K13" s="864">
        <v>69590</v>
      </c>
    </row>
    <row r="14" spans="1:14" ht="13.5" customHeight="1">
      <c r="A14" s="1118"/>
      <c r="B14" s="565">
        <v>486193</v>
      </c>
      <c r="C14" s="566" t="s">
        <v>428</v>
      </c>
      <c r="D14" s="1119"/>
      <c r="E14" s="865">
        <v>3528</v>
      </c>
      <c r="F14" s="868">
        <v>-165</v>
      </c>
      <c r="G14" s="866" t="s">
        <v>24</v>
      </c>
      <c r="H14" s="865">
        <v>165</v>
      </c>
      <c r="I14" s="865">
        <v>3693</v>
      </c>
      <c r="J14" s="865">
        <v>106081</v>
      </c>
      <c r="K14" s="865">
        <v>102388</v>
      </c>
    </row>
    <row r="15" spans="1:14" ht="13.5" customHeight="1">
      <c r="A15" s="1118"/>
      <c r="B15" s="565">
        <v>485150</v>
      </c>
      <c r="C15" s="566" t="s">
        <v>429</v>
      </c>
      <c r="D15" s="1119"/>
      <c r="E15" s="865">
        <v>1529</v>
      </c>
      <c r="F15" s="865">
        <v>-219</v>
      </c>
      <c r="G15" s="866" t="s">
        <v>24</v>
      </c>
      <c r="H15" s="865">
        <v>219</v>
      </c>
      <c r="I15" s="865">
        <v>1748</v>
      </c>
      <c r="J15" s="865">
        <v>70222</v>
      </c>
      <c r="K15" s="865">
        <v>68474</v>
      </c>
    </row>
    <row r="16" spans="1:14" ht="13.5" customHeight="1">
      <c r="A16" s="1118"/>
      <c r="B16" s="565">
        <v>545264</v>
      </c>
      <c r="C16" s="566" t="s">
        <v>430</v>
      </c>
      <c r="D16" s="1119"/>
      <c r="E16" s="865">
        <v>1127</v>
      </c>
      <c r="F16" s="865">
        <v>-336</v>
      </c>
      <c r="G16" s="866" t="s">
        <v>24</v>
      </c>
      <c r="H16" s="865">
        <v>336</v>
      </c>
      <c r="I16" s="865">
        <v>1463</v>
      </c>
      <c r="J16" s="865">
        <v>44572</v>
      </c>
      <c r="K16" s="865">
        <v>43109</v>
      </c>
    </row>
    <row r="17" spans="1:18" ht="13.5" customHeight="1">
      <c r="A17" s="1118"/>
      <c r="B17" s="565">
        <v>614154</v>
      </c>
      <c r="C17" s="566" t="s">
        <v>431</v>
      </c>
      <c r="D17" s="1119"/>
      <c r="E17" s="865">
        <v>331</v>
      </c>
      <c r="F17" s="865">
        <v>-514</v>
      </c>
      <c r="G17" s="866" t="s">
        <v>24</v>
      </c>
      <c r="H17" s="865">
        <v>514</v>
      </c>
      <c r="I17" s="865">
        <v>845</v>
      </c>
      <c r="J17" s="865">
        <v>29094</v>
      </c>
      <c r="K17" s="865">
        <v>28249</v>
      </c>
    </row>
    <row r="18" spans="1:18" ht="13.5" customHeight="1">
      <c r="A18" s="1118"/>
      <c r="B18" s="567">
        <v>745633</v>
      </c>
      <c r="C18" s="568" t="s">
        <v>432</v>
      </c>
      <c r="D18" s="1119"/>
      <c r="E18" s="864">
        <v>-251</v>
      </c>
      <c r="F18" s="864">
        <v>-952</v>
      </c>
      <c r="G18" s="867" t="s">
        <v>24</v>
      </c>
      <c r="H18" s="865">
        <v>952</v>
      </c>
      <c r="I18" s="864">
        <v>701</v>
      </c>
      <c r="J18" s="864">
        <v>23482</v>
      </c>
      <c r="K18" s="864">
        <v>22781</v>
      </c>
    </row>
    <row r="19" spans="1:18" ht="13.5" customHeight="1">
      <c r="A19" s="1118"/>
      <c r="B19" s="565">
        <v>759350</v>
      </c>
      <c r="C19" s="566" t="s">
        <v>433</v>
      </c>
      <c r="D19" s="1119"/>
      <c r="E19" s="865">
        <v>-1451</v>
      </c>
      <c r="F19" s="865">
        <v>-1701</v>
      </c>
      <c r="G19" s="866" t="s">
        <v>24</v>
      </c>
      <c r="H19" s="868">
        <v>1701</v>
      </c>
      <c r="I19" s="865">
        <v>250</v>
      </c>
      <c r="J19" s="865">
        <v>19949</v>
      </c>
      <c r="K19" s="865">
        <v>19699</v>
      </c>
    </row>
    <row r="20" spans="1:18" ht="13.5" customHeight="1">
      <c r="A20" s="1118"/>
      <c r="B20" s="565">
        <v>602868</v>
      </c>
      <c r="C20" s="566" t="s">
        <v>434</v>
      </c>
      <c r="D20" s="1119"/>
      <c r="E20" s="865">
        <v>-2363</v>
      </c>
      <c r="F20" s="865">
        <v>-2073</v>
      </c>
      <c r="G20" s="866" t="s">
        <v>24</v>
      </c>
      <c r="H20" s="865">
        <v>2073</v>
      </c>
      <c r="I20" s="865">
        <v>-290</v>
      </c>
      <c r="J20" s="865">
        <v>13565</v>
      </c>
      <c r="K20" s="865">
        <v>13855</v>
      </c>
    </row>
    <row r="21" spans="1:18" ht="13.5" customHeight="1">
      <c r="A21" s="1118"/>
      <c r="B21" s="565">
        <v>497116</v>
      </c>
      <c r="C21" s="566" t="s">
        <v>435</v>
      </c>
      <c r="D21" s="1119"/>
      <c r="E21" s="865">
        <v>-3548</v>
      </c>
      <c r="F21" s="865">
        <v>-2597</v>
      </c>
      <c r="G21" s="866" t="s">
        <v>24</v>
      </c>
      <c r="H21" s="865">
        <v>2597</v>
      </c>
      <c r="I21" s="865">
        <v>-951</v>
      </c>
      <c r="J21" s="865">
        <v>9504</v>
      </c>
      <c r="K21" s="865">
        <v>10455</v>
      </c>
    </row>
    <row r="22" spans="1:18" ht="13.5" customHeight="1">
      <c r="A22" s="1118"/>
      <c r="B22" s="565">
        <v>481333</v>
      </c>
      <c r="C22" s="566" t="s">
        <v>436</v>
      </c>
      <c r="D22" s="1119"/>
      <c r="E22" s="865">
        <v>-4954</v>
      </c>
      <c r="F22" s="865">
        <v>-4278</v>
      </c>
      <c r="G22" s="866" t="s">
        <v>24</v>
      </c>
      <c r="H22" s="865">
        <v>4278</v>
      </c>
      <c r="I22" s="865">
        <v>-676</v>
      </c>
      <c r="J22" s="865">
        <v>6836</v>
      </c>
      <c r="K22" s="865">
        <v>7512</v>
      </c>
    </row>
    <row r="23" spans="1:18" ht="13.5" customHeight="1">
      <c r="A23" s="1118"/>
      <c r="B23" s="565">
        <v>617096</v>
      </c>
      <c r="C23" s="566" t="s">
        <v>437</v>
      </c>
      <c r="D23" s="1119"/>
      <c r="E23" s="864">
        <v>-8840</v>
      </c>
      <c r="F23" s="864">
        <v>-8642</v>
      </c>
      <c r="G23" s="867" t="s">
        <v>24</v>
      </c>
      <c r="H23" s="865">
        <v>8642</v>
      </c>
      <c r="I23" s="864">
        <v>-198</v>
      </c>
      <c r="J23" s="864">
        <v>6761</v>
      </c>
      <c r="K23" s="864">
        <v>6959</v>
      </c>
    </row>
    <row r="24" spans="1:18" ht="13.5" customHeight="1">
      <c r="A24" s="1118"/>
      <c r="B24" s="569">
        <v>461664</v>
      </c>
      <c r="C24" s="570" t="s">
        <v>438</v>
      </c>
      <c r="D24" s="1119"/>
      <c r="E24" s="865">
        <v>-10374</v>
      </c>
      <c r="F24" s="865">
        <v>-10377</v>
      </c>
      <c r="G24" s="866" t="s">
        <v>24</v>
      </c>
      <c r="H24" s="868">
        <v>10377</v>
      </c>
      <c r="I24" s="865">
        <v>3</v>
      </c>
      <c r="J24" s="865">
        <v>4964</v>
      </c>
      <c r="K24" s="865">
        <v>4961</v>
      </c>
    </row>
    <row r="25" spans="1:18" ht="13.5" customHeight="1">
      <c r="A25" s="1118"/>
      <c r="B25" s="565">
        <v>376694</v>
      </c>
      <c r="C25" s="566" t="s">
        <v>439</v>
      </c>
      <c r="D25" s="1119"/>
      <c r="E25" s="865">
        <v>-14635</v>
      </c>
      <c r="F25" s="865">
        <v>-14949</v>
      </c>
      <c r="G25" s="866" t="s">
        <v>24</v>
      </c>
      <c r="H25" s="865">
        <v>14949</v>
      </c>
      <c r="I25" s="865">
        <v>314</v>
      </c>
      <c r="J25" s="865">
        <v>4603</v>
      </c>
      <c r="K25" s="865">
        <v>4289</v>
      </c>
    </row>
    <row r="26" spans="1:18" ht="13.5" customHeight="1">
      <c r="A26" s="1118"/>
      <c r="B26" s="565">
        <v>242137</v>
      </c>
      <c r="C26" s="566" t="s">
        <v>440</v>
      </c>
      <c r="D26" s="1119"/>
      <c r="E26" s="865">
        <v>-17483</v>
      </c>
      <c r="F26" s="865">
        <v>-17930</v>
      </c>
      <c r="G26" s="866" t="s">
        <v>24</v>
      </c>
      <c r="H26" s="865">
        <v>17930</v>
      </c>
      <c r="I26" s="865">
        <v>447</v>
      </c>
      <c r="J26" s="865">
        <v>4191</v>
      </c>
      <c r="K26" s="865">
        <v>3744</v>
      </c>
    </row>
    <row r="27" spans="1:18" ht="13.5" customHeight="1">
      <c r="A27" s="1118"/>
      <c r="B27" s="565">
        <v>110740</v>
      </c>
      <c r="C27" s="566" t="s">
        <v>441</v>
      </c>
      <c r="D27" s="1119"/>
      <c r="E27" s="865">
        <v>-14927</v>
      </c>
      <c r="F27" s="865">
        <v>-15315</v>
      </c>
      <c r="G27" s="866" t="s">
        <v>24</v>
      </c>
      <c r="H27" s="865">
        <v>15315</v>
      </c>
      <c r="I27" s="865">
        <v>388</v>
      </c>
      <c r="J27" s="865">
        <v>2350</v>
      </c>
      <c r="K27" s="865">
        <v>1962</v>
      </c>
    </row>
    <row r="28" spans="1:18" ht="13.5" customHeight="1">
      <c r="A28" s="1118"/>
      <c r="B28" s="567">
        <v>29537</v>
      </c>
      <c r="C28" s="568" t="s">
        <v>442</v>
      </c>
      <c r="D28" s="1119"/>
      <c r="E28" s="864">
        <v>-7808</v>
      </c>
      <c r="F28" s="864">
        <v>-7886</v>
      </c>
      <c r="G28" s="867" t="s">
        <v>24</v>
      </c>
      <c r="H28" s="863">
        <v>7886</v>
      </c>
      <c r="I28" s="864">
        <v>78</v>
      </c>
      <c r="J28" s="864">
        <v>628</v>
      </c>
      <c r="K28" s="864">
        <v>550</v>
      </c>
      <c r="R28" s="216"/>
    </row>
    <row r="29" spans="1:18" ht="13.5" customHeight="1">
      <c r="A29" s="1118"/>
      <c r="B29" s="571">
        <v>4806</v>
      </c>
      <c r="C29" s="572" t="s">
        <v>443</v>
      </c>
      <c r="D29" s="1119"/>
      <c r="E29" s="869">
        <v>-2193</v>
      </c>
      <c r="F29" s="869">
        <v>-2206</v>
      </c>
      <c r="G29" s="870" t="s">
        <v>24</v>
      </c>
      <c r="H29" s="865">
        <v>2206</v>
      </c>
      <c r="I29" s="869">
        <v>13</v>
      </c>
      <c r="J29" s="865">
        <v>88</v>
      </c>
      <c r="K29" s="865">
        <v>75</v>
      </c>
    </row>
    <row r="30" spans="1:18" ht="17.25" customHeight="1">
      <c r="A30" s="247"/>
      <c r="B30" s="573">
        <v>1065999</v>
      </c>
      <c r="C30" s="248" t="s">
        <v>444</v>
      </c>
      <c r="D30" s="249"/>
      <c r="E30" s="871">
        <v>61301</v>
      </c>
      <c r="F30" s="871">
        <v>60382</v>
      </c>
      <c r="G30" s="871">
        <v>60549</v>
      </c>
      <c r="H30" s="871">
        <v>167</v>
      </c>
      <c r="I30" s="871">
        <v>919</v>
      </c>
      <c r="J30" s="871">
        <v>43565</v>
      </c>
      <c r="K30" s="872">
        <v>42646</v>
      </c>
      <c r="L30" s="216"/>
      <c r="O30" s="216"/>
    </row>
    <row r="31" spans="1:18" ht="17.25" customHeight="1">
      <c r="A31" s="247"/>
      <c r="B31" s="565">
        <v>5627097</v>
      </c>
      <c r="C31" s="248" t="s">
        <v>445</v>
      </c>
      <c r="D31" s="249"/>
      <c r="E31" s="865">
        <v>14756</v>
      </c>
      <c r="F31" s="865">
        <v>-8780</v>
      </c>
      <c r="G31" s="873" t="s">
        <v>24</v>
      </c>
      <c r="H31" s="865">
        <v>8780</v>
      </c>
      <c r="I31" s="865">
        <v>23536</v>
      </c>
      <c r="J31" s="865">
        <v>414372</v>
      </c>
      <c r="K31" s="865">
        <v>390836</v>
      </c>
    </row>
    <row r="32" spans="1:18" ht="17.25" customHeight="1" thickBot="1">
      <c r="A32" s="250"/>
      <c r="B32" s="574">
        <v>2324007</v>
      </c>
      <c r="C32" s="251" t="s">
        <v>446</v>
      </c>
      <c r="D32" s="252"/>
      <c r="E32" s="874">
        <v>-81214</v>
      </c>
      <c r="F32" s="874">
        <v>-81583</v>
      </c>
      <c r="G32" s="875" t="s">
        <v>24</v>
      </c>
      <c r="H32" s="874">
        <v>81583</v>
      </c>
      <c r="I32" s="874">
        <v>369</v>
      </c>
      <c r="J32" s="874">
        <v>30421</v>
      </c>
      <c r="K32" s="874">
        <v>30052</v>
      </c>
    </row>
    <row r="33" spans="1:13" ht="13.5" customHeight="1" thickTop="1">
      <c r="A33" s="247"/>
      <c r="B33" s="234" t="s">
        <v>190</v>
      </c>
      <c r="C33" s="253"/>
      <c r="D33" s="254"/>
      <c r="E33" s="876"/>
      <c r="F33" s="877"/>
      <c r="G33" s="878"/>
      <c r="H33" s="879"/>
      <c r="I33" s="879"/>
      <c r="J33" s="876"/>
      <c r="K33" s="877"/>
    </row>
    <row r="34" spans="1:13" s="256" customFormat="1" ht="13.5" customHeight="1">
      <c r="A34" s="775"/>
      <c r="B34" s="255">
        <v>9236337</v>
      </c>
      <c r="C34" s="241" t="s">
        <v>191</v>
      </c>
      <c r="D34" s="242"/>
      <c r="E34" s="880"/>
      <c r="F34" s="880"/>
      <c r="G34" s="880"/>
      <c r="H34" s="880"/>
      <c r="I34" s="880"/>
      <c r="J34" s="880"/>
      <c r="K34" s="881"/>
    </row>
    <row r="35" spans="1:13" ht="13.5" customHeight="1">
      <c r="A35" s="243"/>
      <c r="B35" s="257"/>
      <c r="C35" s="245"/>
      <c r="D35" s="246"/>
      <c r="E35" s="882"/>
      <c r="F35" s="882"/>
      <c r="G35" s="882"/>
      <c r="H35" s="882"/>
      <c r="I35" s="882"/>
      <c r="J35" s="882"/>
      <c r="K35" s="883"/>
    </row>
    <row r="36" spans="1:13" ht="13.5" customHeight="1">
      <c r="A36" s="1118" t="s">
        <v>447</v>
      </c>
      <c r="B36" s="258">
        <v>328537</v>
      </c>
      <c r="C36" s="248" t="s">
        <v>448</v>
      </c>
      <c r="D36" s="1119" t="s">
        <v>449</v>
      </c>
      <c r="E36" s="884"/>
      <c r="F36" s="884"/>
      <c r="G36" s="884"/>
      <c r="H36" s="884"/>
      <c r="I36" s="884"/>
      <c r="J36" s="884"/>
      <c r="K36" s="885"/>
    </row>
    <row r="37" spans="1:13" ht="13.5" customHeight="1">
      <c r="A37" s="1118"/>
      <c r="B37" s="259">
        <v>367651</v>
      </c>
      <c r="C37" s="566" t="s">
        <v>424</v>
      </c>
      <c r="D37" s="1119"/>
      <c r="E37" s="884"/>
      <c r="F37" s="884"/>
      <c r="G37" s="884"/>
      <c r="H37" s="884"/>
      <c r="I37" s="884"/>
      <c r="J37" s="884"/>
      <c r="K37" s="885"/>
    </row>
    <row r="38" spans="1:13" ht="13.5" customHeight="1">
      <c r="A38" s="1118"/>
      <c r="B38" s="259">
        <v>386396</v>
      </c>
      <c r="C38" s="566" t="s">
        <v>450</v>
      </c>
      <c r="D38" s="1119"/>
      <c r="E38" s="884"/>
      <c r="F38" s="884"/>
      <c r="G38" s="884"/>
      <c r="H38" s="884"/>
      <c r="I38" s="884"/>
      <c r="J38" s="884"/>
      <c r="K38" s="885"/>
    </row>
    <row r="39" spans="1:13" ht="13.5" customHeight="1">
      <c r="A39" s="1118"/>
      <c r="B39" s="259">
        <v>407024</v>
      </c>
      <c r="C39" s="566" t="s">
        <v>426</v>
      </c>
      <c r="D39" s="1119"/>
      <c r="E39" s="884"/>
      <c r="F39" s="884"/>
      <c r="G39" s="884"/>
      <c r="H39" s="884"/>
      <c r="I39" s="884"/>
      <c r="J39" s="884"/>
      <c r="K39" s="885"/>
    </row>
    <row r="40" spans="1:13" ht="13.5" customHeight="1">
      <c r="A40" s="1118"/>
      <c r="B40" s="260">
        <v>488692</v>
      </c>
      <c r="C40" s="568" t="s">
        <v>451</v>
      </c>
      <c r="D40" s="1119"/>
      <c r="E40" s="886"/>
      <c r="F40" s="886"/>
      <c r="G40" s="886"/>
      <c r="H40" s="886"/>
      <c r="I40" s="886"/>
      <c r="J40" s="886"/>
      <c r="K40" s="887"/>
    </row>
    <row r="41" spans="1:13" ht="13.5" customHeight="1">
      <c r="A41" s="1118"/>
      <c r="B41" s="258">
        <v>479498</v>
      </c>
      <c r="C41" s="566" t="s">
        <v>452</v>
      </c>
      <c r="D41" s="1119"/>
      <c r="E41" s="884"/>
      <c r="F41" s="884"/>
      <c r="G41" s="884"/>
      <c r="H41" s="884"/>
      <c r="I41" s="884"/>
      <c r="J41" s="884"/>
      <c r="K41" s="885"/>
    </row>
    <row r="42" spans="1:13" ht="13.5" customHeight="1">
      <c r="A42" s="1118"/>
      <c r="B42" s="259">
        <v>490387</v>
      </c>
      <c r="C42" s="566" t="s">
        <v>453</v>
      </c>
      <c r="D42" s="1119"/>
      <c r="E42" s="884"/>
      <c r="F42" s="884"/>
      <c r="G42" s="884"/>
      <c r="H42" s="884"/>
      <c r="I42" s="884"/>
      <c r="J42" s="884"/>
      <c r="K42" s="885"/>
      <c r="M42" s="216"/>
    </row>
    <row r="43" spans="1:13" ht="13.5" customHeight="1">
      <c r="A43" s="1118"/>
      <c r="B43" s="259">
        <v>557160</v>
      </c>
      <c r="C43" s="566" t="s">
        <v>454</v>
      </c>
      <c r="D43" s="1119"/>
      <c r="E43" s="884"/>
      <c r="F43" s="884"/>
      <c r="G43" s="884"/>
      <c r="H43" s="884"/>
      <c r="I43" s="884"/>
      <c r="J43" s="884"/>
      <c r="K43" s="885"/>
    </row>
    <row r="44" spans="1:13" ht="13.5" customHeight="1">
      <c r="A44" s="1118"/>
      <c r="B44" s="259">
        <v>635653</v>
      </c>
      <c r="C44" s="566" t="s">
        <v>431</v>
      </c>
      <c r="D44" s="1119"/>
      <c r="E44" s="884"/>
      <c r="F44" s="884"/>
      <c r="G44" s="884"/>
      <c r="H44" s="884"/>
      <c r="I44" s="884"/>
      <c r="J44" s="884"/>
      <c r="K44" s="885"/>
    </row>
    <row r="45" spans="1:13" ht="13.5" customHeight="1">
      <c r="A45" s="1118"/>
      <c r="B45" s="260">
        <v>765863</v>
      </c>
      <c r="C45" s="568" t="s">
        <v>455</v>
      </c>
      <c r="D45" s="1119"/>
      <c r="E45" s="886"/>
      <c r="F45" s="886"/>
      <c r="G45" s="886"/>
      <c r="H45" s="886"/>
      <c r="I45" s="886"/>
      <c r="J45" s="886"/>
      <c r="K45" s="888"/>
    </row>
    <row r="46" spans="1:13" ht="13.5" customHeight="1">
      <c r="A46" s="1118"/>
      <c r="B46" s="258">
        <v>712846</v>
      </c>
      <c r="C46" s="566" t="s">
        <v>456</v>
      </c>
      <c r="D46" s="1119"/>
      <c r="E46" s="884"/>
      <c r="F46" s="884"/>
      <c r="G46" s="884"/>
      <c r="H46" s="884"/>
      <c r="I46" s="884"/>
      <c r="J46" s="884"/>
      <c r="K46" s="885"/>
    </row>
    <row r="47" spans="1:13" ht="13.5" customHeight="1">
      <c r="A47" s="1118"/>
      <c r="B47" s="259">
        <v>603394</v>
      </c>
      <c r="C47" s="566" t="s">
        <v>457</v>
      </c>
      <c r="D47" s="1119"/>
      <c r="E47" s="884"/>
      <c r="F47" s="884"/>
      <c r="G47" s="884"/>
      <c r="H47" s="884"/>
      <c r="I47" s="884"/>
      <c r="J47" s="884"/>
      <c r="K47" s="885"/>
    </row>
    <row r="48" spans="1:13" ht="13.5" customHeight="1">
      <c r="A48" s="1118"/>
      <c r="B48" s="259">
        <v>486986</v>
      </c>
      <c r="C48" s="566" t="s">
        <v>458</v>
      </c>
      <c r="D48" s="1119"/>
      <c r="E48" s="884"/>
      <c r="F48" s="884"/>
      <c r="G48" s="884"/>
      <c r="H48" s="884"/>
      <c r="I48" s="884"/>
      <c r="J48" s="884"/>
      <c r="K48" s="885"/>
    </row>
    <row r="49" spans="1:11" ht="13.5" customHeight="1">
      <c r="A49" s="1118"/>
      <c r="B49" s="259">
        <v>502930</v>
      </c>
      <c r="C49" s="566" t="s">
        <v>436</v>
      </c>
      <c r="D49" s="1119"/>
      <c r="E49" s="884"/>
      <c r="F49" s="884"/>
      <c r="G49" s="884"/>
      <c r="H49" s="884"/>
      <c r="I49" s="884"/>
      <c r="J49" s="884"/>
      <c r="K49" s="885"/>
    </row>
    <row r="50" spans="1:11" ht="13.5" customHeight="1">
      <c r="A50" s="1118"/>
      <c r="B50" s="260">
        <v>606905</v>
      </c>
      <c r="C50" s="566" t="s">
        <v>459</v>
      </c>
      <c r="D50" s="1119"/>
      <c r="E50" s="886"/>
      <c r="F50" s="886"/>
      <c r="G50" s="886"/>
      <c r="H50" s="886"/>
      <c r="I50" s="886"/>
      <c r="J50" s="886"/>
      <c r="K50" s="887"/>
    </row>
    <row r="51" spans="1:11" ht="13.5" customHeight="1">
      <c r="A51" s="1118"/>
      <c r="B51" s="258">
        <v>477498</v>
      </c>
      <c r="C51" s="570" t="s">
        <v>438</v>
      </c>
      <c r="D51" s="1119"/>
      <c r="E51" s="884"/>
      <c r="F51" s="884"/>
      <c r="G51" s="884"/>
      <c r="H51" s="884"/>
      <c r="I51" s="884"/>
      <c r="J51" s="884"/>
      <c r="K51" s="885"/>
    </row>
    <row r="52" spans="1:11" ht="13.5" customHeight="1">
      <c r="A52" s="1118"/>
      <c r="B52" s="259">
        <v>358146</v>
      </c>
      <c r="C52" s="566" t="s">
        <v>439</v>
      </c>
      <c r="D52" s="1119"/>
      <c r="E52" s="884"/>
      <c r="F52" s="884"/>
      <c r="G52" s="884"/>
      <c r="H52" s="884"/>
      <c r="I52" s="884"/>
      <c r="J52" s="884"/>
      <c r="K52" s="885"/>
    </row>
    <row r="53" spans="1:11" ht="13.5" customHeight="1">
      <c r="A53" s="1118"/>
      <c r="B53" s="259">
        <v>231479</v>
      </c>
      <c r="C53" s="566" t="s">
        <v>460</v>
      </c>
      <c r="D53" s="1119"/>
      <c r="E53" s="884"/>
      <c r="F53" s="884"/>
      <c r="G53" s="884"/>
      <c r="H53" s="884"/>
      <c r="I53" s="884"/>
      <c r="J53" s="884"/>
      <c r="K53" s="885"/>
    </row>
    <row r="54" spans="1:11" ht="13.5" customHeight="1">
      <c r="A54" s="1118"/>
      <c r="B54" s="259">
        <v>103184</v>
      </c>
      <c r="C54" s="566" t="s">
        <v>461</v>
      </c>
      <c r="D54" s="1119"/>
      <c r="E54" s="884"/>
      <c r="F54" s="884"/>
      <c r="G54" s="884"/>
      <c r="H54" s="884"/>
      <c r="I54" s="884"/>
      <c r="J54" s="884"/>
      <c r="K54" s="885"/>
    </row>
    <row r="55" spans="1:11" ht="13.5" customHeight="1">
      <c r="A55" s="1118"/>
      <c r="B55" s="260">
        <v>27631</v>
      </c>
      <c r="C55" s="568" t="s">
        <v>442</v>
      </c>
      <c r="D55" s="1119"/>
      <c r="E55" s="886"/>
      <c r="F55" s="886"/>
      <c r="G55" s="886"/>
      <c r="H55" s="886"/>
      <c r="I55" s="886"/>
      <c r="J55" s="886"/>
      <c r="K55" s="887"/>
    </row>
    <row r="56" spans="1:11" ht="13.5" customHeight="1">
      <c r="A56" s="1118"/>
      <c r="B56" s="258">
        <v>4400</v>
      </c>
      <c r="C56" s="572" t="s">
        <v>443</v>
      </c>
      <c r="D56" s="1119"/>
      <c r="E56" s="889"/>
      <c r="F56" s="889"/>
      <c r="G56" s="889"/>
      <c r="H56" s="889"/>
      <c r="I56" s="889"/>
      <c r="J56" s="889"/>
      <c r="K56" s="890"/>
    </row>
    <row r="57" spans="1:11" ht="17.25" customHeight="1">
      <c r="A57" s="247"/>
      <c r="B57" s="261">
        <v>1082584</v>
      </c>
      <c r="C57" s="248" t="s">
        <v>444</v>
      </c>
      <c r="D57" s="249"/>
      <c r="E57" s="884"/>
      <c r="F57" s="884"/>
      <c r="G57" s="884"/>
      <c r="H57" s="891"/>
      <c r="I57" s="884"/>
      <c r="J57" s="884"/>
      <c r="K57" s="885"/>
    </row>
    <row r="58" spans="1:11" ht="17.25" customHeight="1">
      <c r="A58" s="247"/>
      <c r="B58" s="262">
        <v>5627503</v>
      </c>
      <c r="C58" s="248" t="s">
        <v>445</v>
      </c>
      <c r="D58" s="249"/>
      <c r="E58" s="884"/>
      <c r="F58" s="884"/>
      <c r="G58" s="884"/>
      <c r="H58" s="884"/>
      <c r="I58" s="884"/>
      <c r="J58" s="884"/>
      <c r="K58" s="885"/>
    </row>
    <row r="59" spans="1:11" ht="17.25" customHeight="1" thickBot="1">
      <c r="A59" s="250"/>
      <c r="B59" s="263">
        <v>2312173</v>
      </c>
      <c r="C59" s="251" t="s">
        <v>462</v>
      </c>
      <c r="D59" s="252"/>
      <c r="E59" s="892"/>
      <c r="F59" s="892"/>
      <c r="G59" s="892"/>
      <c r="H59" s="892"/>
      <c r="I59" s="892"/>
      <c r="J59" s="892"/>
      <c r="K59" s="893"/>
    </row>
    <row r="60" spans="1:11" ht="9" customHeight="1" thickTop="1">
      <c r="A60" s="216"/>
      <c r="B60" s="264"/>
      <c r="C60" s="265"/>
      <c r="D60" s="266"/>
      <c r="E60" s="267"/>
      <c r="F60" s="267"/>
      <c r="G60" s="267"/>
      <c r="H60" s="267"/>
      <c r="I60" s="267"/>
      <c r="J60" s="267"/>
      <c r="K60" s="267"/>
    </row>
    <row r="61" spans="1:11" ht="15" customHeight="1">
      <c r="A61" s="575" t="s">
        <v>463</v>
      </c>
      <c r="B61" s="268"/>
      <c r="C61" s="268"/>
      <c r="D61" s="268"/>
      <c r="E61" s="269"/>
      <c r="F61" s="269"/>
      <c r="G61" s="269"/>
      <c r="H61" s="269"/>
      <c r="I61" s="270"/>
      <c r="J61" s="270"/>
      <c r="K61" s="270"/>
    </row>
    <row r="62" spans="1:11" ht="15" customHeight="1">
      <c r="A62" s="575" t="s">
        <v>464</v>
      </c>
    </row>
    <row r="63" spans="1:11" ht="15" customHeight="1">
      <c r="A63" s="575" t="s">
        <v>465</v>
      </c>
    </row>
  </sheetData>
  <mergeCells count="8">
    <mergeCell ref="A36:A56"/>
    <mergeCell ref="D36:D56"/>
    <mergeCell ref="A2:B5"/>
    <mergeCell ref="C3:C4"/>
    <mergeCell ref="D3:E4"/>
    <mergeCell ref="D5:E5"/>
    <mergeCell ref="A9:A29"/>
    <mergeCell ref="D9:D29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20" orientation="portrait" blackAndWhite="1" r:id="rId1"/>
  <headerFooter scaleWithDoc="0" alignWithMargins="0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79"/>
  <sheetViews>
    <sheetView zoomScale="90" zoomScaleNormal="90" zoomScaleSheetLayoutView="100" workbookViewId="0"/>
  </sheetViews>
  <sheetFormatPr defaultRowHeight="11.25"/>
  <cols>
    <col min="1" max="1" width="5.375" style="215" customWidth="1"/>
    <col min="2" max="2" width="13.75" style="215" customWidth="1"/>
    <col min="3" max="3" width="11.25" style="215" customWidth="1"/>
    <col min="4" max="4" width="5.375" style="215" customWidth="1"/>
    <col min="5" max="11" width="11.25" style="215" customWidth="1"/>
    <col min="12" max="12" width="9" style="215"/>
    <col min="13" max="13" width="10.625" style="215" bestFit="1" customWidth="1"/>
    <col min="14" max="16384" width="9" style="215"/>
  </cols>
  <sheetData>
    <row r="1" spans="1:11" ht="16.5" customHeight="1" thickBot="1">
      <c r="A1" s="271" t="s">
        <v>466</v>
      </c>
      <c r="C1" s="219"/>
      <c r="D1" s="219"/>
      <c r="E1" s="219"/>
    </row>
    <row r="2" spans="1:11" ht="13.5" customHeight="1" thickTop="1">
      <c r="B2" s="272"/>
      <c r="C2" s="272"/>
      <c r="D2" s="92"/>
      <c r="E2" s="92"/>
      <c r="F2" s="92"/>
      <c r="G2" s="92"/>
      <c r="H2" s="92"/>
      <c r="I2" s="92"/>
      <c r="J2" s="92"/>
      <c r="K2" s="92"/>
    </row>
    <row r="3" spans="1:11" ht="13.5" customHeight="1">
      <c r="A3" s="1126" t="s">
        <v>467</v>
      </c>
      <c r="B3" s="1126"/>
      <c r="C3" s="1127" t="s">
        <v>252</v>
      </c>
      <c r="D3" s="1128" t="s">
        <v>407</v>
      </c>
      <c r="E3" s="1129"/>
      <c r="F3" s="273"/>
      <c r="G3" s="274"/>
      <c r="H3" s="275"/>
      <c r="I3" s="273"/>
      <c r="J3" s="274"/>
      <c r="K3" s="274"/>
    </row>
    <row r="4" spans="1:11" ht="13.5" customHeight="1">
      <c r="A4" s="1126"/>
      <c r="B4" s="1126"/>
      <c r="C4" s="1127"/>
      <c r="D4" s="1128"/>
      <c r="E4" s="1129"/>
      <c r="F4" s="276" t="s">
        <v>408</v>
      </c>
      <c r="G4" s="277" t="s">
        <v>409</v>
      </c>
      <c r="H4" s="277" t="s">
        <v>410</v>
      </c>
      <c r="I4" s="278" t="s">
        <v>411</v>
      </c>
      <c r="J4" s="279" t="s">
        <v>412</v>
      </c>
      <c r="K4" s="279" t="s">
        <v>413</v>
      </c>
    </row>
    <row r="5" spans="1:11" ht="13.5" customHeight="1">
      <c r="A5" s="117"/>
      <c r="B5" s="247"/>
      <c r="C5" s="280"/>
      <c r="D5" s="1130" t="s">
        <v>414</v>
      </c>
      <c r="E5" s="1131"/>
      <c r="F5" s="276" t="s">
        <v>415</v>
      </c>
      <c r="G5" s="276" t="s">
        <v>416</v>
      </c>
      <c r="H5" s="241" t="s">
        <v>417</v>
      </c>
      <c r="I5" s="278" t="s">
        <v>468</v>
      </c>
      <c r="J5" s="278" t="s">
        <v>419</v>
      </c>
      <c r="K5" s="276" t="s">
        <v>469</v>
      </c>
    </row>
    <row r="6" spans="1:11" ht="13.5" customHeight="1">
      <c r="A6" s="275"/>
      <c r="B6" s="239" t="s">
        <v>189</v>
      </c>
      <c r="C6" s="275"/>
      <c r="D6" s="274"/>
      <c r="E6" s="237" t="s">
        <v>189</v>
      </c>
      <c r="F6" s="237" t="s">
        <v>189</v>
      </c>
      <c r="G6" s="238" t="s">
        <v>189</v>
      </c>
      <c r="H6" s="239" t="s">
        <v>189</v>
      </c>
      <c r="I6" s="239" t="s">
        <v>189</v>
      </c>
      <c r="J6" s="234" t="s">
        <v>189</v>
      </c>
      <c r="K6" s="237" t="s">
        <v>189</v>
      </c>
    </row>
    <row r="7" spans="1:11" ht="13.5" customHeight="1">
      <c r="A7" s="240"/>
      <c r="B7" s="297">
        <v>9231177</v>
      </c>
      <c r="C7" s="281" t="s">
        <v>191</v>
      </c>
      <c r="D7" s="1123" t="s">
        <v>470</v>
      </c>
      <c r="E7" s="895">
        <v>-5160</v>
      </c>
      <c r="F7" s="895">
        <v>-29983</v>
      </c>
      <c r="G7" s="895">
        <v>60549</v>
      </c>
      <c r="H7" s="895">
        <v>90532</v>
      </c>
      <c r="I7" s="895">
        <v>24823</v>
      </c>
      <c r="J7" s="895">
        <v>488358</v>
      </c>
      <c r="K7" s="895">
        <v>463535</v>
      </c>
    </row>
    <row r="8" spans="1:11" ht="13.5" customHeight="1">
      <c r="A8" s="243" t="s">
        <v>228</v>
      </c>
      <c r="B8" s="282"/>
      <c r="C8" s="283"/>
      <c r="D8" s="1124"/>
      <c r="E8" s="896"/>
      <c r="F8" s="897"/>
      <c r="G8" s="898"/>
      <c r="H8" s="899"/>
      <c r="I8" s="899"/>
      <c r="J8" s="898"/>
      <c r="K8" s="897"/>
    </row>
    <row r="9" spans="1:11" ht="13.5" customHeight="1">
      <c r="A9" s="243" t="s">
        <v>230</v>
      </c>
      <c r="B9" s="300">
        <v>682408</v>
      </c>
      <c r="C9" s="284" t="s">
        <v>471</v>
      </c>
      <c r="D9" s="1124"/>
      <c r="E9" s="900">
        <v>60993</v>
      </c>
      <c r="F9" s="896">
        <v>60408</v>
      </c>
      <c r="G9" s="896">
        <v>60549</v>
      </c>
      <c r="H9" s="900">
        <v>141</v>
      </c>
      <c r="I9" s="900">
        <v>585</v>
      </c>
      <c r="J9" s="900">
        <v>36833</v>
      </c>
      <c r="K9" s="901">
        <v>36248</v>
      </c>
    </row>
    <row r="10" spans="1:11" ht="13.5" customHeight="1">
      <c r="A10" s="285">
        <v>4</v>
      </c>
      <c r="B10" s="282">
        <v>782240</v>
      </c>
      <c r="C10" s="286" t="s">
        <v>266</v>
      </c>
      <c r="D10" s="1124"/>
      <c r="E10" s="902">
        <v>5326</v>
      </c>
      <c r="F10" s="896">
        <v>-122</v>
      </c>
      <c r="G10" s="903" t="s">
        <v>472</v>
      </c>
      <c r="H10" s="902">
        <v>122</v>
      </c>
      <c r="I10" s="902">
        <v>5448</v>
      </c>
      <c r="J10" s="902">
        <v>24082</v>
      </c>
      <c r="K10" s="896">
        <v>18634</v>
      </c>
    </row>
    <row r="11" spans="1:11" ht="13.5" customHeight="1">
      <c r="A11" s="243" t="s">
        <v>141</v>
      </c>
      <c r="B11" s="282">
        <v>978913</v>
      </c>
      <c r="C11" s="286" t="s">
        <v>267</v>
      </c>
      <c r="D11" s="1124"/>
      <c r="E11" s="902">
        <v>14364</v>
      </c>
      <c r="F11" s="896">
        <v>-292</v>
      </c>
      <c r="G11" s="903" t="s">
        <v>473</v>
      </c>
      <c r="H11" s="902">
        <v>292</v>
      </c>
      <c r="I11" s="902">
        <v>14656</v>
      </c>
      <c r="J11" s="902">
        <v>186634</v>
      </c>
      <c r="K11" s="896">
        <v>171978</v>
      </c>
    </row>
    <row r="12" spans="1:11" ht="13.5" customHeight="1">
      <c r="A12" s="287" t="s">
        <v>474</v>
      </c>
      <c r="B12" s="282">
        <v>1030414</v>
      </c>
      <c r="C12" s="286" t="s">
        <v>268</v>
      </c>
      <c r="D12" s="1124"/>
      <c r="E12" s="902">
        <v>2656</v>
      </c>
      <c r="F12" s="896">
        <v>-555</v>
      </c>
      <c r="G12" s="903" t="s">
        <v>473</v>
      </c>
      <c r="H12" s="902">
        <v>555</v>
      </c>
      <c r="I12" s="902">
        <v>3211</v>
      </c>
      <c r="J12" s="902">
        <v>114794</v>
      </c>
      <c r="K12" s="896">
        <v>111583</v>
      </c>
    </row>
    <row r="13" spans="1:11" ht="13.5" customHeight="1">
      <c r="A13" s="243" t="s">
        <v>475</v>
      </c>
      <c r="B13" s="282">
        <v>1359787</v>
      </c>
      <c r="C13" s="288" t="s">
        <v>269</v>
      </c>
      <c r="D13" s="1124"/>
      <c r="E13" s="898">
        <v>80</v>
      </c>
      <c r="F13" s="898">
        <v>-1466</v>
      </c>
      <c r="G13" s="904" t="s">
        <v>476</v>
      </c>
      <c r="H13" s="902">
        <v>1466</v>
      </c>
      <c r="I13" s="898">
        <v>1546</v>
      </c>
      <c r="J13" s="898">
        <v>52576</v>
      </c>
      <c r="K13" s="897">
        <v>51030</v>
      </c>
    </row>
    <row r="14" spans="1:11" ht="13.5" customHeight="1">
      <c r="A14" s="287" t="s">
        <v>477</v>
      </c>
      <c r="B14" s="300">
        <v>1362218</v>
      </c>
      <c r="C14" s="286" t="s">
        <v>270</v>
      </c>
      <c r="D14" s="1124"/>
      <c r="E14" s="900">
        <v>-3814</v>
      </c>
      <c r="F14" s="896">
        <v>-3774</v>
      </c>
      <c r="G14" s="903" t="s">
        <v>478</v>
      </c>
      <c r="H14" s="900">
        <v>3774</v>
      </c>
      <c r="I14" s="900">
        <v>-40</v>
      </c>
      <c r="J14" s="900">
        <v>33514</v>
      </c>
      <c r="K14" s="901">
        <v>33554</v>
      </c>
    </row>
    <row r="15" spans="1:11" ht="13.5" customHeight="1">
      <c r="A15" s="243" t="s">
        <v>479</v>
      </c>
      <c r="B15" s="282">
        <v>978449</v>
      </c>
      <c r="C15" s="286" t="s">
        <v>271</v>
      </c>
      <c r="D15" s="1124"/>
      <c r="E15" s="902">
        <v>-8502</v>
      </c>
      <c r="F15" s="896">
        <v>-6875</v>
      </c>
      <c r="G15" s="903" t="s">
        <v>480</v>
      </c>
      <c r="H15" s="902">
        <v>6875</v>
      </c>
      <c r="I15" s="902">
        <v>-1627</v>
      </c>
      <c r="J15" s="902">
        <v>16340</v>
      </c>
      <c r="K15" s="896">
        <v>17967</v>
      </c>
    </row>
    <row r="16" spans="1:11" ht="13.5" customHeight="1">
      <c r="A16" s="243" t="s">
        <v>481</v>
      </c>
      <c r="B16" s="282">
        <v>1078760</v>
      </c>
      <c r="C16" s="286" t="s">
        <v>272</v>
      </c>
      <c r="D16" s="1124"/>
      <c r="E16" s="902">
        <v>-19214</v>
      </c>
      <c r="F16" s="896">
        <v>-19019</v>
      </c>
      <c r="G16" s="903" t="s">
        <v>472</v>
      </c>
      <c r="H16" s="902">
        <v>19019</v>
      </c>
      <c r="I16" s="902">
        <v>-195</v>
      </c>
      <c r="J16" s="902">
        <v>11725</v>
      </c>
      <c r="K16" s="896">
        <v>11920</v>
      </c>
    </row>
    <row r="17" spans="1:15" ht="13.5" customHeight="1">
      <c r="A17" s="243" t="s">
        <v>482</v>
      </c>
      <c r="B17" s="282">
        <v>618831</v>
      </c>
      <c r="C17" s="286" t="s">
        <v>273</v>
      </c>
      <c r="D17" s="1124"/>
      <c r="E17" s="902">
        <v>-32118</v>
      </c>
      <c r="F17" s="896">
        <v>-32879</v>
      </c>
      <c r="G17" s="903" t="s">
        <v>478</v>
      </c>
      <c r="H17" s="902">
        <v>32879</v>
      </c>
      <c r="I17" s="902">
        <v>761</v>
      </c>
      <c r="J17" s="902">
        <v>8794</v>
      </c>
      <c r="K17" s="896">
        <v>8033</v>
      </c>
    </row>
    <row r="18" spans="1:15" ht="13.5" customHeight="1">
      <c r="A18" s="247"/>
      <c r="B18" s="282">
        <v>140277</v>
      </c>
      <c r="C18" s="288" t="s">
        <v>274</v>
      </c>
      <c r="D18" s="1124"/>
      <c r="E18" s="898">
        <v>-22735</v>
      </c>
      <c r="F18" s="902">
        <v>-23201</v>
      </c>
      <c r="G18" s="903" t="s">
        <v>472</v>
      </c>
      <c r="H18" s="902">
        <v>23201</v>
      </c>
      <c r="I18" s="898">
        <v>466</v>
      </c>
      <c r="J18" s="898">
        <v>2978</v>
      </c>
      <c r="K18" s="896">
        <v>2512</v>
      </c>
    </row>
    <row r="19" spans="1:15" ht="13.5" customHeight="1" thickBot="1">
      <c r="A19" s="90"/>
      <c r="B19" s="894">
        <v>4806</v>
      </c>
      <c r="C19" s="290" t="s">
        <v>483</v>
      </c>
      <c r="D19" s="1125"/>
      <c r="E19" s="905">
        <v>-2193</v>
      </c>
      <c r="F19" s="905">
        <v>-2206</v>
      </c>
      <c r="G19" s="906" t="s">
        <v>478</v>
      </c>
      <c r="H19" s="905">
        <v>2206</v>
      </c>
      <c r="I19" s="907">
        <v>13</v>
      </c>
      <c r="J19" s="905">
        <v>88</v>
      </c>
      <c r="K19" s="908">
        <v>75</v>
      </c>
    </row>
    <row r="20" spans="1:15" ht="13.5" customHeight="1" thickTop="1">
      <c r="A20" s="293"/>
      <c r="B20" s="295" t="s">
        <v>189</v>
      </c>
      <c r="C20" s="293"/>
      <c r="D20" s="294"/>
      <c r="E20" s="909"/>
      <c r="F20" s="909"/>
      <c r="G20" s="909"/>
      <c r="H20" s="909"/>
      <c r="I20" s="910"/>
      <c r="J20" s="909"/>
      <c r="K20" s="911"/>
    </row>
    <row r="21" spans="1:15" ht="13.5" customHeight="1">
      <c r="A21" s="240"/>
      <c r="B21" s="297">
        <v>9236337</v>
      </c>
      <c r="C21" s="281" t="s">
        <v>191</v>
      </c>
      <c r="D21" s="1123" t="s">
        <v>484</v>
      </c>
      <c r="E21" s="912"/>
      <c r="F21" s="912"/>
      <c r="G21" s="912"/>
      <c r="H21" s="912"/>
      <c r="I21" s="912"/>
      <c r="J21" s="912"/>
      <c r="K21" s="895"/>
    </row>
    <row r="22" spans="1:15" ht="13.5" customHeight="1">
      <c r="A22" s="243" t="s">
        <v>228</v>
      </c>
      <c r="B22" s="298"/>
      <c r="C22" s="283"/>
      <c r="D22" s="1124"/>
      <c r="E22" s="913"/>
      <c r="F22" s="913"/>
      <c r="G22" s="913"/>
      <c r="H22" s="913"/>
      <c r="I22" s="913"/>
      <c r="J22" s="913"/>
      <c r="K22" s="914"/>
    </row>
    <row r="23" spans="1:15" ht="13.5" customHeight="1">
      <c r="A23" s="243" t="s">
        <v>230</v>
      </c>
      <c r="B23" s="299">
        <v>696188</v>
      </c>
      <c r="C23" s="284" t="s">
        <v>471</v>
      </c>
      <c r="D23" s="1124"/>
      <c r="E23" s="915"/>
      <c r="F23" s="916"/>
      <c r="G23" s="915"/>
      <c r="H23" s="917"/>
      <c r="I23" s="917"/>
      <c r="J23" s="915"/>
      <c r="K23" s="916"/>
      <c r="O23" s="216"/>
    </row>
    <row r="24" spans="1:15" ht="13.5" customHeight="1">
      <c r="A24" s="285">
        <v>3</v>
      </c>
      <c r="B24" s="299">
        <v>793420</v>
      </c>
      <c r="C24" s="286" t="s">
        <v>266</v>
      </c>
      <c r="D24" s="1124"/>
      <c r="E24" s="903"/>
      <c r="F24" s="916"/>
      <c r="G24" s="903"/>
      <c r="H24" s="917"/>
      <c r="I24" s="917"/>
      <c r="J24" s="903"/>
      <c r="K24" s="916"/>
    </row>
    <row r="25" spans="1:15" ht="13.5" customHeight="1">
      <c r="A25" s="243" t="s">
        <v>141</v>
      </c>
      <c r="B25" s="299">
        <v>968190</v>
      </c>
      <c r="C25" s="286" t="s">
        <v>267</v>
      </c>
      <c r="D25" s="1124"/>
      <c r="E25" s="903"/>
      <c r="F25" s="916"/>
      <c r="G25" s="903"/>
      <c r="H25" s="917"/>
      <c r="I25" s="917"/>
      <c r="J25" s="903"/>
      <c r="K25" s="916"/>
    </row>
    <row r="26" spans="1:15" ht="13.5" customHeight="1">
      <c r="A26" s="287" t="s">
        <v>485</v>
      </c>
      <c r="B26" s="299">
        <v>1047547</v>
      </c>
      <c r="C26" s="286" t="s">
        <v>268</v>
      </c>
      <c r="D26" s="1124"/>
      <c r="E26" s="903"/>
      <c r="F26" s="916"/>
      <c r="G26" s="903"/>
      <c r="H26" s="917"/>
      <c r="I26" s="917"/>
      <c r="J26" s="903"/>
      <c r="K26" s="916"/>
    </row>
    <row r="27" spans="1:15" ht="13.5" customHeight="1">
      <c r="A27" s="243" t="s">
        <v>475</v>
      </c>
      <c r="B27" s="289">
        <v>1401516</v>
      </c>
      <c r="C27" s="288" t="s">
        <v>269</v>
      </c>
      <c r="D27" s="1124"/>
      <c r="E27" s="904"/>
      <c r="F27" s="918"/>
      <c r="G27" s="903"/>
      <c r="H27" s="919"/>
      <c r="I27" s="919"/>
      <c r="J27" s="903"/>
      <c r="K27" s="918"/>
    </row>
    <row r="28" spans="1:15" ht="13.5" customHeight="1">
      <c r="A28" s="287" t="s">
        <v>485</v>
      </c>
      <c r="B28" s="299">
        <v>1316240</v>
      </c>
      <c r="C28" s="286" t="s">
        <v>270</v>
      </c>
      <c r="D28" s="1124"/>
      <c r="E28" s="903"/>
      <c r="F28" s="916"/>
      <c r="G28" s="915"/>
      <c r="H28" s="917"/>
      <c r="I28" s="917"/>
      <c r="J28" s="915"/>
      <c r="K28" s="916"/>
    </row>
    <row r="29" spans="1:15" ht="13.5" customHeight="1">
      <c r="A29" s="243" t="s">
        <v>479</v>
      </c>
      <c r="B29" s="299">
        <v>989916</v>
      </c>
      <c r="C29" s="286" t="s">
        <v>271</v>
      </c>
      <c r="D29" s="1124"/>
      <c r="E29" s="903"/>
      <c r="F29" s="916"/>
      <c r="G29" s="903"/>
      <c r="H29" s="917"/>
      <c r="I29" s="917"/>
      <c r="J29" s="903"/>
      <c r="K29" s="916"/>
    </row>
    <row r="30" spans="1:15" ht="13.5" customHeight="1">
      <c r="A30" s="243" t="s">
        <v>481</v>
      </c>
      <c r="B30" s="299">
        <v>1084403</v>
      </c>
      <c r="C30" s="286" t="s">
        <v>272</v>
      </c>
      <c r="D30" s="1124"/>
      <c r="E30" s="903"/>
      <c r="F30" s="916"/>
      <c r="G30" s="903"/>
      <c r="H30" s="917"/>
      <c r="I30" s="917"/>
      <c r="J30" s="903"/>
      <c r="K30" s="916"/>
    </row>
    <row r="31" spans="1:15" ht="13.5" customHeight="1">
      <c r="A31" s="243" t="s">
        <v>482</v>
      </c>
      <c r="B31" s="299">
        <v>589625</v>
      </c>
      <c r="C31" s="286" t="s">
        <v>273</v>
      </c>
      <c r="D31" s="1124"/>
      <c r="E31" s="903"/>
      <c r="F31" s="916"/>
      <c r="G31" s="903"/>
      <c r="H31" s="917"/>
      <c r="I31" s="917"/>
      <c r="J31" s="903"/>
      <c r="K31" s="916"/>
    </row>
    <row r="32" spans="1:15" ht="13.5" customHeight="1">
      <c r="A32" s="240"/>
      <c r="B32" s="289">
        <v>130815</v>
      </c>
      <c r="C32" s="288" t="s">
        <v>274</v>
      </c>
      <c r="D32" s="1124"/>
      <c r="E32" s="916"/>
      <c r="F32" s="916"/>
      <c r="G32" s="903"/>
      <c r="H32" s="919"/>
      <c r="I32" s="917"/>
      <c r="J32" s="903"/>
      <c r="K32" s="918"/>
    </row>
    <row r="33" spans="1:11" ht="13.5" customHeight="1" thickBot="1">
      <c r="A33" s="90"/>
      <c r="B33" s="292">
        <v>4400</v>
      </c>
      <c r="C33" s="290" t="s">
        <v>483</v>
      </c>
      <c r="D33" s="1125"/>
      <c r="E33" s="920"/>
      <c r="F33" s="920"/>
      <c r="G33" s="906"/>
      <c r="H33" s="921"/>
      <c r="I33" s="921"/>
      <c r="J33" s="906"/>
      <c r="K33" s="920"/>
    </row>
    <row r="34" spans="1:11" ht="13.5" customHeight="1" thickTop="1">
      <c r="A34" s="293"/>
      <c r="B34" s="296" t="s">
        <v>189</v>
      </c>
      <c r="C34" s="293"/>
      <c r="D34" s="294"/>
      <c r="E34" s="911" t="s">
        <v>189</v>
      </c>
      <c r="F34" s="911" t="s">
        <v>189</v>
      </c>
      <c r="G34" s="909" t="s">
        <v>189</v>
      </c>
      <c r="H34" s="910" t="s">
        <v>189</v>
      </c>
      <c r="I34" s="910" t="s">
        <v>189</v>
      </c>
      <c r="J34" s="922" t="s">
        <v>189</v>
      </c>
      <c r="K34" s="911" t="s">
        <v>189</v>
      </c>
    </row>
    <row r="35" spans="1:11" ht="13.5" customHeight="1">
      <c r="A35" s="240"/>
      <c r="B35" s="297">
        <v>9201825</v>
      </c>
      <c r="C35" s="281" t="s">
        <v>191</v>
      </c>
      <c r="D35" s="1123" t="s">
        <v>486</v>
      </c>
      <c r="E35" s="912">
        <v>20200</v>
      </c>
      <c r="F35" s="912">
        <v>-19600</v>
      </c>
      <c r="G35" s="912">
        <v>64905</v>
      </c>
      <c r="H35" s="912">
        <v>84505</v>
      </c>
      <c r="I35" s="912">
        <v>39800</v>
      </c>
      <c r="J35" s="912">
        <v>514781</v>
      </c>
      <c r="K35" s="895">
        <v>474981</v>
      </c>
    </row>
    <row r="36" spans="1:11" ht="13.5" customHeight="1">
      <c r="A36" s="243" t="s">
        <v>228</v>
      </c>
      <c r="B36" s="298"/>
      <c r="C36" s="283"/>
      <c r="D36" s="1124"/>
      <c r="E36" s="913"/>
      <c r="F36" s="913"/>
      <c r="G36" s="913"/>
      <c r="H36" s="913"/>
      <c r="I36" s="913"/>
      <c r="J36" s="913"/>
      <c r="K36" s="914"/>
    </row>
    <row r="37" spans="1:11" ht="13.5" customHeight="1">
      <c r="A37" s="243" t="s">
        <v>230</v>
      </c>
      <c r="B37" s="299">
        <v>712810</v>
      </c>
      <c r="C37" s="284" t="s">
        <v>471</v>
      </c>
      <c r="D37" s="1124"/>
      <c r="E37" s="915">
        <v>65378</v>
      </c>
      <c r="F37" s="916">
        <v>64718</v>
      </c>
      <c r="G37" s="915">
        <v>64905</v>
      </c>
      <c r="H37" s="917">
        <v>187</v>
      </c>
      <c r="I37" s="917">
        <v>660</v>
      </c>
      <c r="J37" s="915">
        <v>40264</v>
      </c>
      <c r="K37" s="916">
        <v>39604</v>
      </c>
    </row>
    <row r="38" spans="1:11" ht="13.5" customHeight="1">
      <c r="A38" s="285">
        <v>2</v>
      </c>
      <c r="B38" s="299">
        <v>795897</v>
      </c>
      <c r="C38" s="286" t="s">
        <v>266</v>
      </c>
      <c r="D38" s="1124"/>
      <c r="E38" s="903">
        <v>7934</v>
      </c>
      <c r="F38" s="916">
        <v>-121</v>
      </c>
      <c r="G38" s="903" t="s">
        <v>24</v>
      </c>
      <c r="H38" s="917">
        <v>121</v>
      </c>
      <c r="I38" s="917">
        <v>8055</v>
      </c>
      <c r="J38" s="903">
        <v>29015</v>
      </c>
      <c r="K38" s="916">
        <v>20960</v>
      </c>
    </row>
    <row r="39" spans="1:11" ht="13.5" customHeight="1">
      <c r="A39" s="243" t="s">
        <v>141</v>
      </c>
      <c r="B39" s="299">
        <v>1012286</v>
      </c>
      <c r="C39" s="286" t="s">
        <v>267</v>
      </c>
      <c r="D39" s="1124"/>
      <c r="E39" s="903">
        <v>23110</v>
      </c>
      <c r="F39" s="916">
        <v>-299</v>
      </c>
      <c r="G39" s="903" t="s">
        <v>24</v>
      </c>
      <c r="H39" s="917">
        <v>299</v>
      </c>
      <c r="I39" s="917">
        <v>23409</v>
      </c>
      <c r="J39" s="903">
        <v>193134</v>
      </c>
      <c r="K39" s="916">
        <v>169725</v>
      </c>
    </row>
    <row r="40" spans="1:11" ht="13.5" customHeight="1">
      <c r="A40" s="287" t="s">
        <v>485</v>
      </c>
      <c r="B40" s="299">
        <v>1076714</v>
      </c>
      <c r="C40" s="286" t="s">
        <v>268</v>
      </c>
      <c r="D40" s="1124"/>
      <c r="E40" s="903">
        <v>3244</v>
      </c>
      <c r="F40" s="916">
        <v>-522</v>
      </c>
      <c r="G40" s="903" t="s">
        <v>24</v>
      </c>
      <c r="H40" s="917">
        <v>522</v>
      </c>
      <c r="I40" s="917">
        <v>3766</v>
      </c>
      <c r="J40" s="903">
        <v>121154</v>
      </c>
      <c r="K40" s="916">
        <v>117388</v>
      </c>
    </row>
    <row r="41" spans="1:11" ht="13.5" customHeight="1">
      <c r="A41" s="243" t="s">
        <v>475</v>
      </c>
      <c r="B41" s="289">
        <v>1446403</v>
      </c>
      <c r="C41" s="288" t="s">
        <v>269</v>
      </c>
      <c r="D41" s="1124"/>
      <c r="E41" s="904">
        <v>282</v>
      </c>
      <c r="F41" s="918">
        <v>-1531</v>
      </c>
      <c r="G41" s="903" t="s">
        <v>24</v>
      </c>
      <c r="H41" s="919">
        <v>1531</v>
      </c>
      <c r="I41" s="919">
        <v>1813</v>
      </c>
      <c r="J41" s="903">
        <v>57389</v>
      </c>
      <c r="K41" s="918">
        <v>55576</v>
      </c>
    </row>
    <row r="42" spans="1:11" ht="13.5" customHeight="1">
      <c r="A42" s="287" t="s">
        <v>485</v>
      </c>
      <c r="B42" s="299">
        <v>1277590</v>
      </c>
      <c r="C42" s="286" t="s">
        <v>270</v>
      </c>
      <c r="D42" s="1124"/>
      <c r="E42" s="903">
        <v>-3001</v>
      </c>
      <c r="F42" s="916">
        <v>-3409</v>
      </c>
      <c r="G42" s="915" t="s">
        <v>24</v>
      </c>
      <c r="H42" s="917">
        <v>3409</v>
      </c>
      <c r="I42" s="917">
        <v>408</v>
      </c>
      <c r="J42" s="915">
        <v>32486</v>
      </c>
      <c r="K42" s="916">
        <v>32078</v>
      </c>
    </row>
    <row r="43" spans="1:11" ht="13.5" customHeight="1">
      <c r="A43" s="243" t="s">
        <v>479</v>
      </c>
      <c r="B43" s="299">
        <v>1022297</v>
      </c>
      <c r="C43" s="286" t="s">
        <v>271</v>
      </c>
      <c r="D43" s="1124"/>
      <c r="E43" s="903">
        <v>-7986</v>
      </c>
      <c r="F43" s="916">
        <v>-7227</v>
      </c>
      <c r="G43" s="903" t="s">
        <v>24</v>
      </c>
      <c r="H43" s="917">
        <v>7227</v>
      </c>
      <c r="I43" s="917">
        <v>-759</v>
      </c>
      <c r="J43" s="903">
        <v>17070</v>
      </c>
      <c r="K43" s="916">
        <v>17829</v>
      </c>
    </row>
    <row r="44" spans="1:11" ht="13.5" customHeight="1">
      <c r="A44" s="243" t="s">
        <v>481</v>
      </c>
      <c r="B44" s="299">
        <v>1082155</v>
      </c>
      <c r="C44" s="286" t="s">
        <v>272</v>
      </c>
      <c r="D44" s="1124"/>
      <c r="E44" s="903">
        <v>-17928</v>
      </c>
      <c r="F44" s="916">
        <v>-18524</v>
      </c>
      <c r="G44" s="903" t="s">
        <v>24</v>
      </c>
      <c r="H44" s="917">
        <v>18524</v>
      </c>
      <c r="I44" s="917">
        <v>596</v>
      </c>
      <c r="J44" s="903">
        <v>12266</v>
      </c>
      <c r="K44" s="916">
        <v>11670</v>
      </c>
    </row>
    <row r="45" spans="1:11" ht="13.5" customHeight="1">
      <c r="A45" s="243" t="s">
        <v>482</v>
      </c>
      <c r="B45" s="299">
        <v>562796</v>
      </c>
      <c r="C45" s="286" t="s">
        <v>273</v>
      </c>
      <c r="D45" s="1124"/>
      <c r="E45" s="903">
        <v>-29000</v>
      </c>
      <c r="F45" s="916">
        <v>-30323</v>
      </c>
      <c r="G45" s="903" t="s">
        <v>24</v>
      </c>
      <c r="H45" s="917">
        <v>30323</v>
      </c>
      <c r="I45" s="917">
        <v>1323</v>
      </c>
      <c r="J45" s="903">
        <v>8993</v>
      </c>
      <c r="K45" s="916">
        <v>7670</v>
      </c>
    </row>
    <row r="46" spans="1:11" ht="13.5" customHeight="1">
      <c r="A46" s="240"/>
      <c r="B46" s="289">
        <v>125174</v>
      </c>
      <c r="C46" s="288" t="s">
        <v>274</v>
      </c>
      <c r="D46" s="1124"/>
      <c r="E46" s="916">
        <v>-20008</v>
      </c>
      <c r="F46" s="916">
        <v>-20520</v>
      </c>
      <c r="G46" s="903" t="s">
        <v>24</v>
      </c>
      <c r="H46" s="919">
        <v>20520</v>
      </c>
      <c r="I46" s="917">
        <v>512</v>
      </c>
      <c r="J46" s="903">
        <v>2939</v>
      </c>
      <c r="K46" s="918">
        <v>2427</v>
      </c>
    </row>
    <row r="47" spans="1:11" ht="13.5" customHeight="1" thickBot="1">
      <c r="A47" s="90"/>
      <c r="B47" s="292">
        <v>4777</v>
      </c>
      <c r="C47" s="290" t="s">
        <v>483</v>
      </c>
      <c r="D47" s="1125"/>
      <c r="E47" s="920">
        <v>-1825</v>
      </c>
      <c r="F47" s="920">
        <v>-1842</v>
      </c>
      <c r="G47" s="906" t="s">
        <v>24</v>
      </c>
      <c r="H47" s="921">
        <v>1842</v>
      </c>
      <c r="I47" s="921">
        <v>17</v>
      </c>
      <c r="J47" s="906">
        <v>71</v>
      </c>
      <c r="K47" s="920">
        <v>54</v>
      </c>
    </row>
    <row r="48" spans="1:11" ht="13.5" customHeight="1" thickTop="1">
      <c r="A48" s="293"/>
      <c r="B48" s="296" t="s">
        <v>189</v>
      </c>
      <c r="C48" s="293"/>
      <c r="D48" s="294"/>
      <c r="E48" s="911" t="s">
        <v>189</v>
      </c>
      <c r="F48" s="911" t="s">
        <v>189</v>
      </c>
      <c r="G48" s="909" t="s">
        <v>189</v>
      </c>
      <c r="H48" s="910" t="s">
        <v>189</v>
      </c>
      <c r="I48" s="910" t="s">
        <v>189</v>
      </c>
      <c r="J48" s="922" t="s">
        <v>189</v>
      </c>
      <c r="K48" s="911" t="s">
        <v>189</v>
      </c>
    </row>
    <row r="49" spans="1:18" ht="13.5" customHeight="1">
      <c r="A49" s="240"/>
      <c r="B49" s="297">
        <v>9181625</v>
      </c>
      <c r="C49" s="281" t="s">
        <v>191</v>
      </c>
      <c r="D49" s="1123" t="s">
        <v>487</v>
      </c>
      <c r="E49" s="912">
        <v>18346</v>
      </c>
      <c r="F49" s="912">
        <v>-14771</v>
      </c>
      <c r="G49" s="912">
        <v>68228</v>
      </c>
      <c r="H49" s="912">
        <v>82999</v>
      </c>
      <c r="I49" s="912">
        <v>33117</v>
      </c>
      <c r="J49" s="912">
        <v>507579</v>
      </c>
      <c r="K49" s="895">
        <v>474462</v>
      </c>
    </row>
    <row r="50" spans="1:18" ht="13.5" customHeight="1">
      <c r="A50" s="243" t="s">
        <v>488</v>
      </c>
      <c r="B50" s="298"/>
      <c r="C50" s="283"/>
      <c r="D50" s="1124"/>
      <c r="E50" s="913"/>
      <c r="F50" s="913"/>
      <c r="G50" s="913"/>
      <c r="H50" s="913"/>
      <c r="I50" s="913"/>
      <c r="J50" s="913"/>
      <c r="K50" s="914"/>
    </row>
    <row r="51" spans="1:18" ht="13.5" customHeight="1">
      <c r="A51" s="243" t="s">
        <v>489</v>
      </c>
      <c r="B51" s="299">
        <v>722972</v>
      </c>
      <c r="C51" s="284" t="s">
        <v>471</v>
      </c>
      <c r="D51" s="1124"/>
      <c r="E51" s="915">
        <v>67958</v>
      </c>
      <c r="F51" s="916">
        <v>68022</v>
      </c>
      <c r="G51" s="915">
        <v>68228</v>
      </c>
      <c r="H51" s="917">
        <v>206</v>
      </c>
      <c r="I51" s="917">
        <v>-64</v>
      </c>
      <c r="J51" s="915">
        <v>40954</v>
      </c>
      <c r="K51" s="916">
        <v>41018</v>
      </c>
    </row>
    <row r="52" spans="1:18" ht="13.5" customHeight="1">
      <c r="A52" s="285">
        <v>31</v>
      </c>
      <c r="B52" s="299">
        <v>801435</v>
      </c>
      <c r="C52" s="286" t="s">
        <v>266</v>
      </c>
      <c r="D52" s="1124"/>
      <c r="E52" s="903">
        <v>7944</v>
      </c>
      <c r="F52" s="916">
        <v>-115</v>
      </c>
      <c r="G52" s="903" t="s">
        <v>24</v>
      </c>
      <c r="H52" s="917">
        <v>115</v>
      </c>
      <c r="I52" s="917">
        <v>8059</v>
      </c>
      <c r="J52" s="903">
        <v>28777</v>
      </c>
      <c r="K52" s="916">
        <v>20718</v>
      </c>
    </row>
    <row r="53" spans="1:18" ht="13.5" customHeight="1">
      <c r="A53" s="243" t="s">
        <v>141</v>
      </c>
      <c r="B53" s="299">
        <v>995329</v>
      </c>
      <c r="C53" s="286" t="s">
        <v>267</v>
      </c>
      <c r="D53" s="1124"/>
      <c r="E53" s="903">
        <v>20219</v>
      </c>
      <c r="F53" s="916">
        <v>-287</v>
      </c>
      <c r="G53" s="903" t="s">
        <v>24</v>
      </c>
      <c r="H53" s="917">
        <v>287</v>
      </c>
      <c r="I53" s="917">
        <v>20506</v>
      </c>
      <c r="J53" s="903">
        <v>184665</v>
      </c>
      <c r="K53" s="916">
        <v>164159</v>
      </c>
    </row>
    <row r="54" spans="1:18" ht="13.5" customHeight="1">
      <c r="A54" s="287" t="s">
        <v>485</v>
      </c>
      <c r="B54" s="299">
        <v>1102019</v>
      </c>
      <c r="C54" s="286" t="s">
        <v>268</v>
      </c>
      <c r="D54" s="1124"/>
      <c r="E54" s="903">
        <v>1684</v>
      </c>
      <c r="F54" s="916">
        <v>-516</v>
      </c>
      <c r="G54" s="903" t="s">
        <v>24</v>
      </c>
      <c r="H54" s="917">
        <v>516</v>
      </c>
      <c r="I54" s="917">
        <v>2200</v>
      </c>
      <c r="J54" s="903">
        <v>122265</v>
      </c>
      <c r="K54" s="916">
        <v>120065</v>
      </c>
    </row>
    <row r="55" spans="1:18" ht="13.5" customHeight="1">
      <c r="A55" s="243" t="s">
        <v>475</v>
      </c>
      <c r="B55" s="289">
        <v>1473665</v>
      </c>
      <c r="C55" s="288" t="s">
        <v>269</v>
      </c>
      <c r="D55" s="1124"/>
      <c r="E55" s="904">
        <v>-448</v>
      </c>
      <c r="F55" s="918">
        <v>-1633</v>
      </c>
      <c r="G55" s="903" t="s">
        <v>24</v>
      </c>
      <c r="H55" s="919">
        <v>1633</v>
      </c>
      <c r="I55" s="919">
        <v>1185</v>
      </c>
      <c r="J55" s="903">
        <v>58696</v>
      </c>
      <c r="K55" s="918">
        <v>57511</v>
      </c>
    </row>
    <row r="56" spans="1:18" ht="13.5" customHeight="1">
      <c r="A56" s="287" t="s">
        <v>485</v>
      </c>
      <c r="B56" s="299">
        <v>1231135</v>
      </c>
      <c r="C56" s="286" t="s">
        <v>270</v>
      </c>
      <c r="D56" s="1124"/>
      <c r="E56" s="903">
        <v>-3126</v>
      </c>
      <c r="F56" s="916">
        <v>-3320</v>
      </c>
      <c r="G56" s="915" t="s">
        <v>24</v>
      </c>
      <c r="H56" s="917">
        <v>3320</v>
      </c>
      <c r="I56" s="917">
        <v>194</v>
      </c>
      <c r="J56" s="915">
        <v>31422</v>
      </c>
      <c r="K56" s="916">
        <v>31228</v>
      </c>
    </row>
    <row r="57" spans="1:18" ht="13.5" customHeight="1">
      <c r="A57" s="243" t="s">
        <v>479</v>
      </c>
      <c r="B57" s="299">
        <v>1068250</v>
      </c>
      <c r="C57" s="286" t="s">
        <v>271</v>
      </c>
      <c r="D57" s="1124"/>
      <c r="E57" s="903">
        <v>-8576</v>
      </c>
      <c r="F57" s="916">
        <v>-7778</v>
      </c>
      <c r="G57" s="903" t="s">
        <v>24</v>
      </c>
      <c r="H57" s="917">
        <v>7778</v>
      </c>
      <c r="I57" s="917">
        <v>-798</v>
      </c>
      <c r="J57" s="903">
        <v>17528</v>
      </c>
      <c r="K57" s="916">
        <v>18326</v>
      </c>
    </row>
    <row r="58" spans="1:18" ht="13.5" customHeight="1">
      <c r="A58" s="243" t="s">
        <v>481</v>
      </c>
      <c r="B58" s="299">
        <v>1037862</v>
      </c>
      <c r="C58" s="286" t="s">
        <v>272</v>
      </c>
      <c r="D58" s="1124"/>
      <c r="E58" s="903">
        <v>-17862</v>
      </c>
      <c r="F58" s="916">
        <v>-18299</v>
      </c>
      <c r="G58" s="903" t="s">
        <v>24</v>
      </c>
      <c r="H58" s="917">
        <v>18299</v>
      </c>
      <c r="I58" s="917">
        <v>437</v>
      </c>
      <c r="J58" s="903">
        <v>11785</v>
      </c>
      <c r="K58" s="916">
        <v>11348</v>
      </c>
    </row>
    <row r="59" spans="1:18" ht="13.5" customHeight="1">
      <c r="A59" s="243" t="s">
        <v>482</v>
      </c>
      <c r="B59" s="299">
        <v>544341</v>
      </c>
      <c r="C59" s="286" t="s">
        <v>273</v>
      </c>
      <c r="D59" s="1124"/>
      <c r="E59" s="903">
        <v>-28744</v>
      </c>
      <c r="F59" s="916">
        <v>-29771</v>
      </c>
      <c r="G59" s="903" t="s">
        <v>24</v>
      </c>
      <c r="H59" s="917">
        <v>29771</v>
      </c>
      <c r="I59" s="917">
        <v>1027</v>
      </c>
      <c r="J59" s="903">
        <v>8781</v>
      </c>
      <c r="K59" s="916">
        <v>7754</v>
      </c>
    </row>
    <row r="60" spans="1:18" ht="13.5" customHeight="1">
      <c r="A60" s="243"/>
      <c r="B60" s="289">
        <v>117274</v>
      </c>
      <c r="C60" s="288" t="s">
        <v>274</v>
      </c>
      <c r="D60" s="1124"/>
      <c r="E60" s="916">
        <v>-18946</v>
      </c>
      <c r="F60" s="916">
        <v>-19318</v>
      </c>
      <c r="G60" s="903" t="s">
        <v>24</v>
      </c>
      <c r="H60" s="919">
        <v>19318</v>
      </c>
      <c r="I60" s="917">
        <v>372</v>
      </c>
      <c r="J60" s="903">
        <v>2646</v>
      </c>
      <c r="K60" s="918">
        <v>2274</v>
      </c>
    </row>
    <row r="61" spans="1:18" ht="13.5" customHeight="1" thickBot="1">
      <c r="A61" s="290"/>
      <c r="B61" s="894">
        <v>4417</v>
      </c>
      <c r="C61" s="290" t="s">
        <v>483</v>
      </c>
      <c r="D61" s="1125"/>
      <c r="E61" s="920">
        <v>-1757</v>
      </c>
      <c r="F61" s="920">
        <v>-1756</v>
      </c>
      <c r="G61" s="906" t="s">
        <v>24</v>
      </c>
      <c r="H61" s="921">
        <v>1756</v>
      </c>
      <c r="I61" s="921">
        <v>-1</v>
      </c>
      <c r="J61" s="906">
        <v>60</v>
      </c>
      <c r="K61" s="920">
        <v>61</v>
      </c>
      <c r="M61" s="302"/>
      <c r="N61" s="302"/>
      <c r="O61" s="302"/>
      <c r="P61" s="302"/>
      <c r="Q61" s="302"/>
      <c r="R61" s="302"/>
    </row>
    <row r="62" spans="1:18" ht="13.5" customHeight="1" thickTop="1">
      <c r="A62" s="293"/>
      <c r="B62" s="296" t="s">
        <v>189</v>
      </c>
      <c r="C62" s="293"/>
      <c r="D62" s="294"/>
      <c r="E62" s="911" t="s">
        <v>189</v>
      </c>
      <c r="F62" s="911" t="s">
        <v>189</v>
      </c>
      <c r="G62" s="909" t="s">
        <v>189</v>
      </c>
      <c r="H62" s="910" t="s">
        <v>189</v>
      </c>
      <c r="I62" s="910" t="s">
        <v>189</v>
      </c>
      <c r="J62" s="922" t="s">
        <v>189</v>
      </c>
      <c r="K62" s="911" t="s">
        <v>189</v>
      </c>
    </row>
    <row r="63" spans="1:18" ht="13.5" customHeight="1">
      <c r="A63" s="240"/>
      <c r="B63" s="297">
        <v>9163279</v>
      </c>
      <c r="C63" s="281" t="s">
        <v>191</v>
      </c>
      <c r="D63" s="1123" t="s">
        <v>490</v>
      </c>
      <c r="E63" s="912">
        <v>15879</v>
      </c>
      <c r="F63" s="912">
        <v>-11083</v>
      </c>
      <c r="G63" s="912">
        <v>69902</v>
      </c>
      <c r="H63" s="912">
        <v>80985</v>
      </c>
      <c r="I63" s="912">
        <v>26962</v>
      </c>
      <c r="J63" s="912">
        <v>496793</v>
      </c>
      <c r="K63" s="895">
        <v>469831</v>
      </c>
      <c r="M63" s="302"/>
      <c r="N63" s="302"/>
      <c r="O63" s="302"/>
      <c r="P63" s="302"/>
      <c r="Q63" s="302"/>
      <c r="R63" s="302"/>
    </row>
    <row r="64" spans="1:18" ht="13.5" customHeight="1">
      <c r="A64" s="243" t="s">
        <v>488</v>
      </c>
      <c r="B64" s="298"/>
      <c r="C64" s="283"/>
      <c r="D64" s="1124"/>
      <c r="E64" s="913"/>
      <c r="F64" s="913"/>
      <c r="G64" s="913"/>
      <c r="H64" s="913"/>
      <c r="I64" s="913"/>
      <c r="J64" s="913"/>
      <c r="K64" s="914"/>
      <c r="M64" s="302"/>
      <c r="N64" s="302"/>
      <c r="O64" s="302"/>
      <c r="P64" s="302"/>
      <c r="Q64" s="302"/>
      <c r="R64" s="302"/>
    </row>
    <row r="65" spans="1:11" ht="13.5" customHeight="1">
      <c r="A65" s="243" t="s">
        <v>489</v>
      </c>
      <c r="B65" s="299">
        <v>731832</v>
      </c>
      <c r="C65" s="284" t="s">
        <v>471</v>
      </c>
      <c r="D65" s="1124"/>
      <c r="E65" s="915">
        <v>68375</v>
      </c>
      <c r="F65" s="916">
        <v>69670</v>
      </c>
      <c r="G65" s="915">
        <v>69902</v>
      </c>
      <c r="H65" s="917">
        <v>232</v>
      </c>
      <c r="I65" s="917">
        <v>-1295</v>
      </c>
      <c r="J65" s="915">
        <v>41019</v>
      </c>
      <c r="K65" s="916">
        <v>42314</v>
      </c>
    </row>
    <row r="66" spans="1:11" ht="13.5" customHeight="1">
      <c r="A66" s="285">
        <v>30</v>
      </c>
      <c r="B66" s="299">
        <v>806300</v>
      </c>
      <c r="C66" s="286" t="s">
        <v>266</v>
      </c>
      <c r="D66" s="1124"/>
      <c r="E66" s="903">
        <v>7129</v>
      </c>
      <c r="F66" s="916">
        <v>-85</v>
      </c>
      <c r="G66" s="903" t="s">
        <v>24</v>
      </c>
      <c r="H66" s="917">
        <v>85</v>
      </c>
      <c r="I66" s="917">
        <v>7214</v>
      </c>
      <c r="J66" s="903">
        <v>28591</v>
      </c>
      <c r="K66" s="916">
        <v>21377</v>
      </c>
    </row>
    <row r="67" spans="1:11" ht="13.5" customHeight="1">
      <c r="A67" s="243" t="s">
        <v>141</v>
      </c>
      <c r="B67" s="299">
        <v>984389</v>
      </c>
      <c r="C67" s="286" t="s">
        <v>267</v>
      </c>
      <c r="D67" s="1124"/>
      <c r="E67" s="903">
        <v>17775</v>
      </c>
      <c r="F67" s="916">
        <v>-310</v>
      </c>
      <c r="G67" s="903" t="s">
        <v>24</v>
      </c>
      <c r="H67" s="917">
        <v>310</v>
      </c>
      <c r="I67" s="917">
        <v>18085</v>
      </c>
      <c r="J67" s="903">
        <v>175714</v>
      </c>
      <c r="K67" s="916">
        <v>157629</v>
      </c>
    </row>
    <row r="68" spans="1:11" ht="13.5" customHeight="1">
      <c r="A68" s="287" t="s">
        <v>485</v>
      </c>
      <c r="B68" s="299">
        <v>1129691</v>
      </c>
      <c r="C68" s="286" t="s">
        <v>268</v>
      </c>
      <c r="D68" s="1124"/>
      <c r="E68" s="903">
        <v>882</v>
      </c>
      <c r="F68" s="916">
        <v>-532</v>
      </c>
      <c r="G68" s="903" t="s">
        <v>24</v>
      </c>
      <c r="H68" s="917">
        <v>532</v>
      </c>
      <c r="I68" s="917">
        <v>1414</v>
      </c>
      <c r="J68" s="903">
        <v>121542</v>
      </c>
      <c r="K68" s="916">
        <v>120128</v>
      </c>
    </row>
    <row r="69" spans="1:11" ht="13.5" customHeight="1">
      <c r="A69" s="243" t="s">
        <v>475</v>
      </c>
      <c r="B69" s="289">
        <v>1495249</v>
      </c>
      <c r="C69" s="288" t="s">
        <v>269</v>
      </c>
      <c r="D69" s="1124"/>
      <c r="E69" s="904">
        <v>-1084</v>
      </c>
      <c r="F69" s="918">
        <v>-1654</v>
      </c>
      <c r="G69" s="903" t="s">
        <v>24</v>
      </c>
      <c r="H69" s="919">
        <v>1654</v>
      </c>
      <c r="I69" s="919">
        <v>570</v>
      </c>
      <c r="J69" s="903">
        <v>59214</v>
      </c>
      <c r="K69" s="918">
        <v>58644</v>
      </c>
    </row>
    <row r="70" spans="1:11" ht="13.5" customHeight="1">
      <c r="A70" s="287" t="s">
        <v>485</v>
      </c>
      <c r="B70" s="299">
        <v>1186602</v>
      </c>
      <c r="C70" s="286" t="s">
        <v>270</v>
      </c>
      <c r="D70" s="1124"/>
      <c r="E70" s="903">
        <v>-3290</v>
      </c>
      <c r="F70" s="916">
        <v>-3306</v>
      </c>
      <c r="G70" s="915" t="s">
        <v>24</v>
      </c>
      <c r="H70" s="917">
        <v>3306</v>
      </c>
      <c r="I70" s="917">
        <v>16</v>
      </c>
      <c r="J70" s="915">
        <v>30555</v>
      </c>
      <c r="K70" s="916">
        <v>30539</v>
      </c>
    </row>
    <row r="71" spans="1:11" ht="13.5" customHeight="1">
      <c r="A71" s="243" t="s">
        <v>479</v>
      </c>
      <c r="B71" s="299">
        <v>1113300</v>
      </c>
      <c r="C71" s="286" t="s">
        <v>271</v>
      </c>
      <c r="D71" s="1124"/>
      <c r="E71" s="903">
        <v>-8971</v>
      </c>
      <c r="F71" s="916">
        <v>-8230</v>
      </c>
      <c r="G71" s="903" t="s">
        <v>24</v>
      </c>
      <c r="H71" s="917">
        <v>8230</v>
      </c>
      <c r="I71" s="917">
        <v>-741</v>
      </c>
      <c r="J71" s="903">
        <v>17891</v>
      </c>
      <c r="K71" s="916">
        <v>18632</v>
      </c>
    </row>
    <row r="72" spans="1:11" ht="13.5" customHeight="1">
      <c r="A72" s="243" t="s">
        <v>481</v>
      </c>
      <c r="B72" s="299">
        <v>991863</v>
      </c>
      <c r="C72" s="286" t="s">
        <v>272</v>
      </c>
      <c r="D72" s="1124"/>
      <c r="E72" s="903">
        <v>-17407</v>
      </c>
      <c r="F72" s="916">
        <v>-17679</v>
      </c>
      <c r="G72" s="903" t="s">
        <v>24</v>
      </c>
      <c r="H72" s="917">
        <v>17679</v>
      </c>
      <c r="I72" s="917">
        <v>272</v>
      </c>
      <c r="J72" s="903">
        <v>11053</v>
      </c>
      <c r="K72" s="916">
        <v>10781</v>
      </c>
    </row>
    <row r="73" spans="1:11" ht="13.5" customHeight="1">
      <c r="A73" s="243" t="s">
        <v>482</v>
      </c>
      <c r="B73" s="299">
        <v>528188</v>
      </c>
      <c r="C73" s="286" t="s">
        <v>273</v>
      </c>
      <c r="D73" s="1124"/>
      <c r="E73" s="903">
        <v>-27991</v>
      </c>
      <c r="F73" s="916">
        <v>-29001</v>
      </c>
      <c r="G73" s="903" t="s">
        <v>24</v>
      </c>
      <c r="H73" s="917">
        <v>29001</v>
      </c>
      <c r="I73" s="917">
        <v>1010</v>
      </c>
      <c r="J73" s="903">
        <v>8618</v>
      </c>
      <c r="K73" s="916">
        <v>7608</v>
      </c>
    </row>
    <row r="74" spans="1:11" ht="13.5" customHeight="1">
      <c r="A74" s="240"/>
      <c r="B74" s="289">
        <v>108768</v>
      </c>
      <c r="C74" s="288" t="s">
        <v>274</v>
      </c>
      <c r="D74" s="1124"/>
      <c r="E74" s="916">
        <v>-17792</v>
      </c>
      <c r="F74" s="916">
        <v>-18206</v>
      </c>
      <c r="G74" s="903" t="s">
        <v>24</v>
      </c>
      <c r="H74" s="919">
        <v>18206</v>
      </c>
      <c r="I74" s="917">
        <v>414</v>
      </c>
      <c r="J74" s="903">
        <v>2527</v>
      </c>
      <c r="K74" s="918">
        <v>2113</v>
      </c>
    </row>
    <row r="75" spans="1:11" ht="13.5" customHeight="1" thickBot="1">
      <c r="A75" s="90"/>
      <c r="B75" s="894">
        <v>4171</v>
      </c>
      <c r="C75" s="290" t="s">
        <v>483</v>
      </c>
      <c r="D75" s="1125"/>
      <c r="E75" s="920">
        <v>-1747</v>
      </c>
      <c r="F75" s="920">
        <v>-1750</v>
      </c>
      <c r="G75" s="906" t="s">
        <v>24</v>
      </c>
      <c r="H75" s="921">
        <v>1750</v>
      </c>
      <c r="I75" s="921">
        <v>3</v>
      </c>
      <c r="J75" s="906">
        <v>69</v>
      </c>
      <c r="K75" s="920">
        <v>66</v>
      </c>
    </row>
    <row r="76" spans="1:11" ht="12" thickTop="1">
      <c r="A76" s="131"/>
      <c r="B76" s="131"/>
      <c r="C76" s="131"/>
      <c r="D76" s="131"/>
      <c r="E76" s="131"/>
      <c r="F76" s="131"/>
      <c r="G76" s="131"/>
      <c r="H76" s="131"/>
      <c r="I76" s="131"/>
      <c r="J76" s="131"/>
      <c r="K76" s="131"/>
    </row>
    <row r="77" spans="1:11" ht="12">
      <c r="A77" s="563" t="s">
        <v>491</v>
      </c>
      <c r="B77" s="131"/>
      <c r="C77" s="131"/>
      <c r="D77" s="131"/>
      <c r="E77" s="131"/>
      <c r="F77" s="131"/>
      <c r="G77" s="131"/>
      <c r="H77" s="131"/>
      <c r="I77" s="131"/>
      <c r="J77" s="131"/>
      <c r="K77" s="131"/>
    </row>
    <row r="78" spans="1:11" ht="12">
      <c r="A78" s="563" t="s">
        <v>492</v>
      </c>
      <c r="B78" s="131"/>
      <c r="C78" s="131"/>
      <c r="D78" s="131"/>
      <c r="E78" s="131"/>
      <c r="F78" s="131"/>
      <c r="G78" s="131"/>
      <c r="H78" s="131"/>
      <c r="I78" s="131"/>
      <c r="J78" s="131"/>
      <c r="K78" s="131"/>
    </row>
    <row r="79" spans="1:11" ht="12">
      <c r="A79" s="563" t="s">
        <v>493</v>
      </c>
      <c r="B79" s="131"/>
      <c r="C79" s="131"/>
      <c r="D79" s="131"/>
      <c r="E79" s="131"/>
      <c r="F79" s="131"/>
      <c r="G79" s="131"/>
      <c r="H79" s="131"/>
      <c r="I79" s="131"/>
      <c r="J79" s="131"/>
      <c r="K79" s="131"/>
    </row>
  </sheetData>
  <mergeCells count="9">
    <mergeCell ref="D35:D47"/>
    <mergeCell ref="D49:D61"/>
    <mergeCell ref="D63:D75"/>
    <mergeCell ref="A3:B4"/>
    <mergeCell ref="C3:C4"/>
    <mergeCell ref="D3:E4"/>
    <mergeCell ref="D5:E5"/>
    <mergeCell ref="D7:D19"/>
    <mergeCell ref="D21:D3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76" firstPageNumber="21" orientation="portrait" blackAndWhite="1" r:id="rId1"/>
  <headerFooter scaleWithDoc="0" alignWithMargins="0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1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494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E1" s="558"/>
      <c r="AF1" s="559" t="s">
        <v>495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149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499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501</v>
      </c>
      <c r="G5" s="1141"/>
      <c r="H5" s="1142"/>
      <c r="I5" s="1140" t="s">
        <v>502</v>
      </c>
      <c r="J5" s="1141"/>
      <c r="K5" s="1142"/>
      <c r="L5" s="1140" t="s">
        <v>503</v>
      </c>
      <c r="M5" s="1141"/>
      <c r="N5" s="1141"/>
      <c r="O5" s="1141"/>
      <c r="P5" s="1141"/>
      <c r="Q5" s="1142"/>
      <c r="R5" s="1140" t="s">
        <v>504</v>
      </c>
      <c r="S5" s="1141"/>
      <c r="T5" s="1142"/>
      <c r="U5" s="1140" t="s">
        <v>505</v>
      </c>
      <c r="V5" s="1141"/>
      <c r="W5" s="1141"/>
      <c r="X5" s="1141"/>
      <c r="Y5" s="1141"/>
      <c r="Z5" s="1142"/>
      <c r="AA5" s="1140" t="s">
        <v>506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10</v>
      </c>
      <c r="J6" s="530" t="s">
        <v>508</v>
      </c>
      <c r="K6" s="530" t="s">
        <v>509</v>
      </c>
      <c r="L6" s="533" t="s">
        <v>511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60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4</v>
      </c>
      <c r="N7" s="537" t="s">
        <v>189</v>
      </c>
      <c r="O7" s="1009" t="s">
        <v>515</v>
      </c>
      <c r="P7" s="770" t="s">
        <v>189</v>
      </c>
      <c r="Q7" s="87" t="s">
        <v>516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6</v>
      </c>
      <c r="W7" s="537" t="s">
        <v>189</v>
      </c>
      <c r="X7" s="87" t="s">
        <v>517</v>
      </c>
      <c r="Y7" s="537" t="s">
        <v>189</v>
      </c>
      <c r="Z7" s="87" t="s">
        <v>517</v>
      </c>
      <c r="AA7" s="537" t="s">
        <v>189</v>
      </c>
      <c r="AB7" s="87" t="s">
        <v>517</v>
      </c>
      <c r="AC7" s="537" t="s">
        <v>189</v>
      </c>
      <c r="AD7" s="87" t="s">
        <v>517</v>
      </c>
      <c r="AE7" s="537" t="s">
        <v>189</v>
      </c>
      <c r="AF7" s="87" t="s">
        <v>516</v>
      </c>
    </row>
    <row r="8" spans="1:36" s="547" customFormat="1" ht="22.5" customHeight="1">
      <c r="A8" s="561">
        <v>9231177</v>
      </c>
      <c r="B8" s="312" t="s">
        <v>191</v>
      </c>
      <c r="C8" s="923">
        <v>-5160</v>
      </c>
      <c r="D8" s="924">
        <v>-6996</v>
      </c>
      <c r="E8" s="923">
        <v>1836</v>
      </c>
      <c r="F8" s="925">
        <v>-29983</v>
      </c>
      <c r="G8" s="924">
        <v>-17079</v>
      </c>
      <c r="H8" s="923">
        <v>-12904</v>
      </c>
      <c r="I8" s="925">
        <v>60549</v>
      </c>
      <c r="J8" s="924">
        <v>31060</v>
      </c>
      <c r="K8" s="924">
        <v>29489</v>
      </c>
      <c r="L8" s="925">
        <v>90532</v>
      </c>
      <c r="M8" s="313" t="s">
        <v>518</v>
      </c>
      <c r="N8" s="925">
        <v>48139</v>
      </c>
      <c r="O8" s="1010" t="s">
        <v>519</v>
      </c>
      <c r="P8" s="923">
        <v>42393</v>
      </c>
      <c r="Q8" s="313" t="s">
        <v>519</v>
      </c>
      <c r="R8" s="924">
        <v>24823</v>
      </c>
      <c r="S8" s="924">
        <v>10083</v>
      </c>
      <c r="T8" s="923">
        <v>14740</v>
      </c>
      <c r="U8" s="925">
        <v>488358</v>
      </c>
      <c r="V8" s="313" t="s">
        <v>519</v>
      </c>
      <c r="W8" s="925">
        <v>259380</v>
      </c>
      <c r="X8" s="313" t="s">
        <v>519</v>
      </c>
      <c r="Y8" s="925">
        <v>228978</v>
      </c>
      <c r="Z8" s="313" t="s">
        <v>519</v>
      </c>
      <c r="AA8" s="925">
        <v>463535</v>
      </c>
      <c r="AB8" s="313" t="s">
        <v>519</v>
      </c>
      <c r="AC8" s="925">
        <v>249297</v>
      </c>
      <c r="AD8" s="313" t="s">
        <v>519</v>
      </c>
      <c r="AE8" s="925">
        <v>214238</v>
      </c>
      <c r="AF8" s="313" t="s">
        <v>519</v>
      </c>
      <c r="AG8" s="552"/>
    </row>
    <row r="9" spans="1:36" s="319" customFormat="1" ht="15.75" customHeight="1">
      <c r="A9" s="31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562">
        <v>319528</v>
      </c>
      <c r="B10" s="342" t="s">
        <v>520</v>
      </c>
      <c r="C10" s="945">
        <v>61104</v>
      </c>
      <c r="D10" s="946">
        <v>31173</v>
      </c>
      <c r="E10" s="945">
        <v>29931</v>
      </c>
      <c r="F10" s="930">
        <v>60438</v>
      </c>
      <c r="G10" s="946">
        <v>31005</v>
      </c>
      <c r="H10" s="945">
        <v>29433</v>
      </c>
      <c r="I10" s="947">
        <v>60549</v>
      </c>
      <c r="J10" s="947">
        <v>31060</v>
      </c>
      <c r="K10" s="947">
        <v>29489</v>
      </c>
      <c r="L10" s="936">
        <v>111</v>
      </c>
      <c r="M10" s="931">
        <v>0.1</v>
      </c>
      <c r="N10" s="930">
        <v>55</v>
      </c>
      <c r="O10" s="932">
        <v>0.1</v>
      </c>
      <c r="P10" s="945">
        <v>56</v>
      </c>
      <c r="Q10" s="932">
        <v>0.1</v>
      </c>
      <c r="R10" s="945">
        <v>666</v>
      </c>
      <c r="S10" s="946">
        <v>168</v>
      </c>
      <c r="T10" s="945">
        <v>498</v>
      </c>
      <c r="U10" s="930">
        <v>24663</v>
      </c>
      <c r="V10" s="931">
        <v>5.0999999999999996</v>
      </c>
      <c r="W10" s="930">
        <v>12633</v>
      </c>
      <c r="X10" s="932">
        <v>4.9000000000000004</v>
      </c>
      <c r="Y10" s="930">
        <v>12030</v>
      </c>
      <c r="Z10" s="932">
        <v>5.3</v>
      </c>
      <c r="AA10" s="930">
        <v>23997</v>
      </c>
      <c r="AB10" s="931">
        <v>5.2</v>
      </c>
      <c r="AC10" s="930">
        <v>12465</v>
      </c>
      <c r="AD10" s="932">
        <v>5</v>
      </c>
      <c r="AE10" s="930">
        <v>11532</v>
      </c>
      <c r="AF10" s="931">
        <v>5.4</v>
      </c>
    </row>
    <row r="11" spans="1:36" s="319" customFormat="1" ht="22.5" customHeight="1">
      <c r="A11" s="562">
        <v>362880</v>
      </c>
      <c r="B11" s="343" t="s">
        <v>521</v>
      </c>
      <c r="C11" s="945">
        <v>-111</v>
      </c>
      <c r="D11" s="946">
        <v>-5</v>
      </c>
      <c r="E11" s="945">
        <v>-106</v>
      </c>
      <c r="F11" s="930">
        <v>-30</v>
      </c>
      <c r="G11" s="946">
        <v>-14</v>
      </c>
      <c r="H11" s="945">
        <v>-16</v>
      </c>
      <c r="I11" s="948" t="s">
        <v>70</v>
      </c>
      <c r="J11" s="949" t="s">
        <v>522</v>
      </c>
      <c r="K11" s="949" t="s">
        <v>70</v>
      </c>
      <c r="L11" s="930">
        <v>30</v>
      </c>
      <c r="M11" s="931">
        <v>0</v>
      </c>
      <c r="N11" s="930">
        <v>14</v>
      </c>
      <c r="O11" s="932">
        <v>0</v>
      </c>
      <c r="P11" s="945">
        <v>16</v>
      </c>
      <c r="Q11" s="932">
        <v>0</v>
      </c>
      <c r="R11" s="945">
        <v>-81</v>
      </c>
      <c r="S11" s="946">
        <v>9</v>
      </c>
      <c r="T11" s="945">
        <v>-90</v>
      </c>
      <c r="U11" s="930">
        <v>12170</v>
      </c>
      <c r="V11" s="931">
        <v>2.5</v>
      </c>
      <c r="W11" s="930">
        <v>6140</v>
      </c>
      <c r="X11" s="932">
        <v>2.4</v>
      </c>
      <c r="Y11" s="930">
        <v>6030</v>
      </c>
      <c r="Z11" s="932">
        <v>2.6</v>
      </c>
      <c r="AA11" s="930">
        <v>12251</v>
      </c>
      <c r="AB11" s="931">
        <v>2.6</v>
      </c>
      <c r="AC11" s="930">
        <v>6131</v>
      </c>
      <c r="AD11" s="932">
        <v>2.5</v>
      </c>
      <c r="AE11" s="930">
        <v>6120</v>
      </c>
      <c r="AF11" s="931">
        <v>2.9</v>
      </c>
    </row>
    <row r="12" spans="1:36" s="319" customFormat="1" ht="22.5" customHeight="1">
      <c r="A12" s="562">
        <v>383591</v>
      </c>
      <c r="B12" s="343" t="s">
        <v>523</v>
      </c>
      <c r="C12" s="945">
        <v>308</v>
      </c>
      <c r="D12" s="946">
        <v>153</v>
      </c>
      <c r="E12" s="945">
        <v>155</v>
      </c>
      <c r="F12" s="930">
        <v>-26</v>
      </c>
      <c r="G12" s="946">
        <v>-16</v>
      </c>
      <c r="H12" s="945">
        <v>-10</v>
      </c>
      <c r="I12" s="948" t="s">
        <v>524</v>
      </c>
      <c r="J12" s="949" t="s">
        <v>70</v>
      </c>
      <c r="K12" s="949" t="s">
        <v>70</v>
      </c>
      <c r="L12" s="930">
        <v>26</v>
      </c>
      <c r="M12" s="931">
        <v>0</v>
      </c>
      <c r="N12" s="930">
        <v>16</v>
      </c>
      <c r="O12" s="932">
        <v>0</v>
      </c>
      <c r="P12" s="945">
        <v>10</v>
      </c>
      <c r="Q12" s="932">
        <v>0</v>
      </c>
      <c r="R12" s="945">
        <v>334</v>
      </c>
      <c r="S12" s="946">
        <v>169</v>
      </c>
      <c r="T12" s="945">
        <v>165</v>
      </c>
      <c r="U12" s="930">
        <v>6732</v>
      </c>
      <c r="V12" s="931">
        <v>1.4</v>
      </c>
      <c r="W12" s="930">
        <v>3468</v>
      </c>
      <c r="X12" s="932">
        <v>1.3</v>
      </c>
      <c r="Y12" s="930">
        <v>3264</v>
      </c>
      <c r="Z12" s="932">
        <v>1.4</v>
      </c>
      <c r="AA12" s="930">
        <v>6398</v>
      </c>
      <c r="AB12" s="931">
        <v>1.4</v>
      </c>
      <c r="AC12" s="930">
        <v>3299</v>
      </c>
      <c r="AD12" s="932">
        <v>1.3</v>
      </c>
      <c r="AE12" s="930">
        <v>3099</v>
      </c>
      <c r="AF12" s="931">
        <v>1.4</v>
      </c>
    </row>
    <row r="13" spans="1:36" s="319" customFormat="1" ht="22.5" customHeight="1">
      <c r="A13" s="562">
        <v>398649</v>
      </c>
      <c r="B13" s="343" t="s">
        <v>525</v>
      </c>
      <c r="C13" s="945">
        <v>5018</v>
      </c>
      <c r="D13" s="946">
        <v>2792</v>
      </c>
      <c r="E13" s="945">
        <v>2226</v>
      </c>
      <c r="F13" s="930">
        <v>-96</v>
      </c>
      <c r="G13" s="946">
        <v>-62</v>
      </c>
      <c r="H13" s="945">
        <v>-34</v>
      </c>
      <c r="I13" s="948" t="s">
        <v>70</v>
      </c>
      <c r="J13" s="949" t="s">
        <v>70</v>
      </c>
      <c r="K13" s="949" t="s">
        <v>70</v>
      </c>
      <c r="L13" s="930">
        <v>96</v>
      </c>
      <c r="M13" s="931">
        <v>0.1</v>
      </c>
      <c r="N13" s="930">
        <v>62</v>
      </c>
      <c r="O13" s="932">
        <v>0.1</v>
      </c>
      <c r="P13" s="945">
        <v>34</v>
      </c>
      <c r="Q13" s="932">
        <v>0.1</v>
      </c>
      <c r="R13" s="945">
        <v>5114</v>
      </c>
      <c r="S13" s="946">
        <v>2854</v>
      </c>
      <c r="T13" s="945">
        <v>2260</v>
      </c>
      <c r="U13" s="930">
        <v>17350</v>
      </c>
      <c r="V13" s="931">
        <v>3.6</v>
      </c>
      <c r="W13" s="930">
        <v>9809</v>
      </c>
      <c r="X13" s="932">
        <v>3.8</v>
      </c>
      <c r="Y13" s="930">
        <v>7541</v>
      </c>
      <c r="Z13" s="932">
        <v>3.3</v>
      </c>
      <c r="AA13" s="930">
        <v>12236</v>
      </c>
      <c r="AB13" s="931">
        <v>2.6</v>
      </c>
      <c r="AC13" s="930">
        <v>6955</v>
      </c>
      <c r="AD13" s="932">
        <v>2.8</v>
      </c>
      <c r="AE13" s="930">
        <v>5281</v>
      </c>
      <c r="AF13" s="931">
        <v>2.5</v>
      </c>
    </row>
    <row r="14" spans="1:36" s="319" customFormat="1" ht="22.5" customHeight="1">
      <c r="A14" s="324">
        <v>492720</v>
      </c>
      <c r="B14" s="344" t="s">
        <v>526</v>
      </c>
      <c r="C14" s="943">
        <v>10836</v>
      </c>
      <c r="D14" s="944">
        <v>4380</v>
      </c>
      <c r="E14" s="943">
        <v>6456</v>
      </c>
      <c r="F14" s="934">
        <v>-127</v>
      </c>
      <c r="G14" s="944">
        <v>-87</v>
      </c>
      <c r="H14" s="943">
        <v>-40</v>
      </c>
      <c r="I14" s="950" t="s">
        <v>70</v>
      </c>
      <c r="J14" s="951" t="s">
        <v>70</v>
      </c>
      <c r="K14" s="951" t="s">
        <v>70</v>
      </c>
      <c r="L14" s="930">
        <v>127</v>
      </c>
      <c r="M14" s="933">
        <v>0.1</v>
      </c>
      <c r="N14" s="934">
        <v>87</v>
      </c>
      <c r="O14" s="935">
        <v>0.2</v>
      </c>
      <c r="P14" s="945">
        <v>40</v>
      </c>
      <c r="Q14" s="935">
        <v>0.1</v>
      </c>
      <c r="R14" s="943">
        <v>10963</v>
      </c>
      <c r="S14" s="944">
        <v>4467</v>
      </c>
      <c r="T14" s="943">
        <v>6496</v>
      </c>
      <c r="U14" s="930">
        <v>80553</v>
      </c>
      <c r="V14" s="933">
        <v>16.5</v>
      </c>
      <c r="W14" s="934">
        <v>41212</v>
      </c>
      <c r="X14" s="935">
        <v>15.9</v>
      </c>
      <c r="Y14" s="934">
        <v>39341</v>
      </c>
      <c r="Z14" s="935">
        <v>17.2</v>
      </c>
      <c r="AA14" s="934">
        <v>69590</v>
      </c>
      <c r="AB14" s="933">
        <v>15</v>
      </c>
      <c r="AC14" s="934">
        <v>36745</v>
      </c>
      <c r="AD14" s="935">
        <v>14.7</v>
      </c>
      <c r="AE14" s="934">
        <v>32845</v>
      </c>
      <c r="AF14" s="933">
        <v>15.3</v>
      </c>
    </row>
    <row r="15" spans="1:36" s="319" customFormat="1" ht="22.5" customHeight="1">
      <c r="A15" s="562">
        <v>486193</v>
      </c>
      <c r="B15" s="343" t="s">
        <v>527</v>
      </c>
      <c r="C15" s="945">
        <v>3528</v>
      </c>
      <c r="D15" s="946">
        <v>1972</v>
      </c>
      <c r="E15" s="945">
        <v>1556</v>
      </c>
      <c r="F15" s="930">
        <v>-165</v>
      </c>
      <c r="G15" s="946">
        <v>-110</v>
      </c>
      <c r="H15" s="945">
        <v>-55</v>
      </c>
      <c r="I15" s="948" t="s">
        <v>70</v>
      </c>
      <c r="J15" s="949" t="s">
        <v>70</v>
      </c>
      <c r="K15" s="949" t="s">
        <v>70</v>
      </c>
      <c r="L15" s="936">
        <v>165</v>
      </c>
      <c r="M15" s="931">
        <v>0.2</v>
      </c>
      <c r="N15" s="930">
        <v>110</v>
      </c>
      <c r="O15" s="932">
        <v>0.2</v>
      </c>
      <c r="P15" s="952">
        <v>55</v>
      </c>
      <c r="Q15" s="932">
        <v>0.1</v>
      </c>
      <c r="R15" s="945">
        <v>3693</v>
      </c>
      <c r="S15" s="946">
        <v>2082</v>
      </c>
      <c r="T15" s="945">
        <v>1611</v>
      </c>
      <c r="U15" s="936">
        <v>106081</v>
      </c>
      <c r="V15" s="931">
        <v>21.7</v>
      </c>
      <c r="W15" s="930">
        <v>55921</v>
      </c>
      <c r="X15" s="932">
        <v>21.6</v>
      </c>
      <c r="Y15" s="930">
        <v>50160</v>
      </c>
      <c r="Z15" s="932">
        <v>21.9</v>
      </c>
      <c r="AA15" s="930">
        <v>102388</v>
      </c>
      <c r="AB15" s="931">
        <v>22.1</v>
      </c>
      <c r="AC15" s="930">
        <v>53839</v>
      </c>
      <c r="AD15" s="932">
        <v>21.6</v>
      </c>
      <c r="AE15" s="930">
        <v>48549</v>
      </c>
      <c r="AF15" s="931">
        <v>22.7</v>
      </c>
    </row>
    <row r="16" spans="1:36" s="319" customFormat="1" ht="22.5" customHeight="1">
      <c r="A16" s="562">
        <v>485150</v>
      </c>
      <c r="B16" s="343" t="s">
        <v>528</v>
      </c>
      <c r="C16" s="945">
        <v>1529</v>
      </c>
      <c r="D16" s="946">
        <v>526</v>
      </c>
      <c r="E16" s="945">
        <v>1003</v>
      </c>
      <c r="F16" s="930">
        <v>-219</v>
      </c>
      <c r="G16" s="946">
        <v>-134</v>
      </c>
      <c r="H16" s="945">
        <v>-85</v>
      </c>
      <c r="I16" s="948" t="s">
        <v>70</v>
      </c>
      <c r="J16" s="949" t="s">
        <v>70</v>
      </c>
      <c r="K16" s="949" t="s">
        <v>70</v>
      </c>
      <c r="L16" s="930">
        <v>219</v>
      </c>
      <c r="M16" s="931">
        <v>0.2</v>
      </c>
      <c r="N16" s="930">
        <v>134</v>
      </c>
      <c r="O16" s="932">
        <v>0.3</v>
      </c>
      <c r="P16" s="945">
        <v>85</v>
      </c>
      <c r="Q16" s="932">
        <v>0.2</v>
      </c>
      <c r="R16" s="945">
        <v>1748</v>
      </c>
      <c r="S16" s="946">
        <v>660</v>
      </c>
      <c r="T16" s="945">
        <v>1088</v>
      </c>
      <c r="U16" s="930">
        <v>70222</v>
      </c>
      <c r="V16" s="931">
        <v>14.4</v>
      </c>
      <c r="W16" s="930">
        <v>37735</v>
      </c>
      <c r="X16" s="932">
        <v>14.5</v>
      </c>
      <c r="Y16" s="930">
        <v>32487</v>
      </c>
      <c r="Z16" s="932">
        <v>14.2</v>
      </c>
      <c r="AA16" s="930">
        <v>68474</v>
      </c>
      <c r="AB16" s="931">
        <v>14.8</v>
      </c>
      <c r="AC16" s="930">
        <v>37075</v>
      </c>
      <c r="AD16" s="932">
        <v>14.9</v>
      </c>
      <c r="AE16" s="930">
        <v>31399</v>
      </c>
      <c r="AF16" s="931">
        <v>14.7</v>
      </c>
    </row>
    <row r="17" spans="1:32" s="319" customFormat="1" ht="22.5" customHeight="1">
      <c r="A17" s="562">
        <v>545264</v>
      </c>
      <c r="B17" s="343" t="s">
        <v>529</v>
      </c>
      <c r="C17" s="945">
        <v>1127</v>
      </c>
      <c r="D17" s="946">
        <v>442</v>
      </c>
      <c r="E17" s="945">
        <v>685</v>
      </c>
      <c r="F17" s="930">
        <v>-336</v>
      </c>
      <c r="G17" s="946">
        <v>-223</v>
      </c>
      <c r="H17" s="945">
        <v>-113</v>
      </c>
      <c r="I17" s="948" t="s">
        <v>70</v>
      </c>
      <c r="J17" s="949" t="s">
        <v>70</v>
      </c>
      <c r="K17" s="949" t="s">
        <v>70</v>
      </c>
      <c r="L17" s="930">
        <v>336</v>
      </c>
      <c r="M17" s="931">
        <v>0.4</v>
      </c>
      <c r="N17" s="930">
        <v>223</v>
      </c>
      <c r="O17" s="932">
        <v>0.5</v>
      </c>
      <c r="P17" s="945">
        <v>113</v>
      </c>
      <c r="Q17" s="932">
        <v>0.3</v>
      </c>
      <c r="R17" s="945">
        <v>1463</v>
      </c>
      <c r="S17" s="946">
        <v>665</v>
      </c>
      <c r="T17" s="945">
        <v>798</v>
      </c>
      <c r="U17" s="930">
        <v>44572</v>
      </c>
      <c r="V17" s="931">
        <v>9.1</v>
      </c>
      <c r="W17" s="930">
        <v>24974</v>
      </c>
      <c r="X17" s="932">
        <v>9.6</v>
      </c>
      <c r="Y17" s="930">
        <v>19598</v>
      </c>
      <c r="Z17" s="932">
        <v>8.6</v>
      </c>
      <c r="AA17" s="930">
        <v>43109</v>
      </c>
      <c r="AB17" s="931">
        <v>9.3000000000000007</v>
      </c>
      <c r="AC17" s="930">
        <v>24309</v>
      </c>
      <c r="AD17" s="932">
        <v>9.8000000000000007</v>
      </c>
      <c r="AE17" s="930">
        <v>18800</v>
      </c>
      <c r="AF17" s="931">
        <v>8.8000000000000007</v>
      </c>
    </row>
    <row r="18" spans="1:32" s="319" customFormat="1" ht="22.5" customHeight="1">
      <c r="A18" s="562">
        <v>614154</v>
      </c>
      <c r="B18" s="343" t="s">
        <v>530</v>
      </c>
      <c r="C18" s="945">
        <v>331</v>
      </c>
      <c r="D18" s="946">
        <v>-35</v>
      </c>
      <c r="E18" s="945">
        <v>366</v>
      </c>
      <c r="F18" s="930">
        <v>-514</v>
      </c>
      <c r="G18" s="946">
        <v>-325</v>
      </c>
      <c r="H18" s="945">
        <v>-189</v>
      </c>
      <c r="I18" s="948" t="s">
        <v>70</v>
      </c>
      <c r="J18" s="949" t="s">
        <v>70</v>
      </c>
      <c r="K18" s="949" t="s">
        <v>70</v>
      </c>
      <c r="L18" s="930">
        <v>514</v>
      </c>
      <c r="M18" s="931">
        <v>0.6</v>
      </c>
      <c r="N18" s="930">
        <v>325</v>
      </c>
      <c r="O18" s="932">
        <v>0.7</v>
      </c>
      <c r="P18" s="945">
        <v>189</v>
      </c>
      <c r="Q18" s="932">
        <v>0.4</v>
      </c>
      <c r="R18" s="945">
        <v>845</v>
      </c>
      <c r="S18" s="946">
        <v>290</v>
      </c>
      <c r="T18" s="945">
        <v>555</v>
      </c>
      <c r="U18" s="930">
        <v>29094</v>
      </c>
      <c r="V18" s="931">
        <v>6</v>
      </c>
      <c r="W18" s="930">
        <v>16590</v>
      </c>
      <c r="X18" s="932">
        <v>6.4</v>
      </c>
      <c r="Y18" s="930">
        <v>12504</v>
      </c>
      <c r="Z18" s="932">
        <v>5.5</v>
      </c>
      <c r="AA18" s="930">
        <v>28249</v>
      </c>
      <c r="AB18" s="931">
        <v>6.1</v>
      </c>
      <c r="AC18" s="930">
        <v>16300</v>
      </c>
      <c r="AD18" s="932">
        <v>6.5</v>
      </c>
      <c r="AE18" s="930">
        <v>11949</v>
      </c>
      <c r="AF18" s="931">
        <v>5.6</v>
      </c>
    </row>
    <row r="19" spans="1:32" s="319" customFormat="1" ht="22.5" customHeight="1">
      <c r="A19" s="324">
        <v>745633</v>
      </c>
      <c r="B19" s="344" t="s">
        <v>531</v>
      </c>
      <c r="C19" s="943">
        <v>-251</v>
      </c>
      <c r="D19" s="944">
        <v>-485</v>
      </c>
      <c r="E19" s="943">
        <v>234</v>
      </c>
      <c r="F19" s="934">
        <v>-952</v>
      </c>
      <c r="G19" s="944">
        <v>-596</v>
      </c>
      <c r="H19" s="943">
        <v>-356</v>
      </c>
      <c r="I19" s="950" t="s">
        <v>70</v>
      </c>
      <c r="J19" s="951" t="s">
        <v>70</v>
      </c>
      <c r="K19" s="951" t="s">
        <v>70</v>
      </c>
      <c r="L19" s="930">
        <v>952</v>
      </c>
      <c r="M19" s="933">
        <v>1.1000000000000001</v>
      </c>
      <c r="N19" s="930">
        <v>596</v>
      </c>
      <c r="O19" s="935">
        <v>1.2</v>
      </c>
      <c r="P19" s="943">
        <v>356</v>
      </c>
      <c r="Q19" s="935">
        <v>0.8</v>
      </c>
      <c r="R19" s="943">
        <v>701</v>
      </c>
      <c r="S19" s="944">
        <v>111</v>
      </c>
      <c r="T19" s="943">
        <v>590</v>
      </c>
      <c r="U19" s="930">
        <v>23482</v>
      </c>
      <c r="V19" s="933">
        <v>4.8</v>
      </c>
      <c r="W19" s="934">
        <v>13428</v>
      </c>
      <c r="X19" s="935">
        <v>5.2</v>
      </c>
      <c r="Y19" s="934">
        <v>10054</v>
      </c>
      <c r="Z19" s="935">
        <v>4.4000000000000004</v>
      </c>
      <c r="AA19" s="934">
        <v>22781</v>
      </c>
      <c r="AB19" s="933">
        <v>4.9000000000000004</v>
      </c>
      <c r="AC19" s="934">
        <v>13317</v>
      </c>
      <c r="AD19" s="935">
        <v>5.3</v>
      </c>
      <c r="AE19" s="934">
        <v>9464</v>
      </c>
      <c r="AF19" s="933">
        <v>4.4000000000000004</v>
      </c>
    </row>
    <row r="20" spans="1:32" s="319" customFormat="1" ht="22.5" customHeight="1">
      <c r="A20" s="562">
        <v>759350</v>
      </c>
      <c r="B20" s="343" t="s">
        <v>532</v>
      </c>
      <c r="C20" s="945">
        <v>-1451</v>
      </c>
      <c r="D20" s="946">
        <v>-1146</v>
      </c>
      <c r="E20" s="945">
        <v>-305</v>
      </c>
      <c r="F20" s="930">
        <v>-1701</v>
      </c>
      <c r="G20" s="946">
        <v>-1093</v>
      </c>
      <c r="H20" s="945">
        <v>-608</v>
      </c>
      <c r="I20" s="948" t="s">
        <v>70</v>
      </c>
      <c r="J20" s="949" t="s">
        <v>70</v>
      </c>
      <c r="K20" s="949" t="s">
        <v>70</v>
      </c>
      <c r="L20" s="936">
        <v>1701</v>
      </c>
      <c r="M20" s="931">
        <v>1.9</v>
      </c>
      <c r="N20" s="936">
        <v>1093</v>
      </c>
      <c r="O20" s="932">
        <v>2.2999999999999998</v>
      </c>
      <c r="P20" s="945">
        <v>608</v>
      </c>
      <c r="Q20" s="932">
        <v>1.4</v>
      </c>
      <c r="R20" s="945">
        <v>250</v>
      </c>
      <c r="S20" s="946">
        <v>-53</v>
      </c>
      <c r="T20" s="945">
        <v>303</v>
      </c>
      <c r="U20" s="936">
        <v>19949</v>
      </c>
      <c r="V20" s="931">
        <v>4.0999999999999996</v>
      </c>
      <c r="W20" s="930">
        <v>11232</v>
      </c>
      <c r="X20" s="932">
        <v>4.3</v>
      </c>
      <c r="Y20" s="930">
        <v>8717</v>
      </c>
      <c r="Z20" s="932">
        <v>3.8</v>
      </c>
      <c r="AA20" s="930">
        <v>19699</v>
      </c>
      <c r="AB20" s="931">
        <v>4.2</v>
      </c>
      <c r="AC20" s="930">
        <v>11285</v>
      </c>
      <c r="AD20" s="932">
        <v>4.5</v>
      </c>
      <c r="AE20" s="930">
        <v>8414</v>
      </c>
      <c r="AF20" s="931">
        <v>3.9</v>
      </c>
    </row>
    <row r="21" spans="1:32" s="319" customFormat="1" ht="22.5" customHeight="1">
      <c r="A21" s="562">
        <v>602868</v>
      </c>
      <c r="B21" s="343" t="s">
        <v>533</v>
      </c>
      <c r="C21" s="945">
        <v>-2363</v>
      </c>
      <c r="D21" s="946">
        <v>-1495</v>
      </c>
      <c r="E21" s="945">
        <v>-868</v>
      </c>
      <c r="F21" s="930">
        <v>-2073</v>
      </c>
      <c r="G21" s="946">
        <v>-1405</v>
      </c>
      <c r="H21" s="945">
        <v>-668</v>
      </c>
      <c r="I21" s="948" t="s">
        <v>70</v>
      </c>
      <c r="J21" s="949" t="s">
        <v>70</v>
      </c>
      <c r="K21" s="949" t="s">
        <v>70</v>
      </c>
      <c r="L21" s="930">
        <v>2073</v>
      </c>
      <c r="M21" s="931">
        <v>2.2999999999999998</v>
      </c>
      <c r="N21" s="930">
        <v>1405</v>
      </c>
      <c r="O21" s="932">
        <v>2.9</v>
      </c>
      <c r="P21" s="945">
        <v>668</v>
      </c>
      <c r="Q21" s="932">
        <v>1.6</v>
      </c>
      <c r="R21" s="945">
        <v>-290</v>
      </c>
      <c r="S21" s="946">
        <v>-90</v>
      </c>
      <c r="T21" s="945">
        <v>-200</v>
      </c>
      <c r="U21" s="930">
        <v>13565</v>
      </c>
      <c r="V21" s="931">
        <v>2.8</v>
      </c>
      <c r="W21" s="930">
        <v>7789</v>
      </c>
      <c r="X21" s="932">
        <v>3</v>
      </c>
      <c r="Y21" s="930">
        <v>5776</v>
      </c>
      <c r="Z21" s="932">
        <v>2.5</v>
      </c>
      <c r="AA21" s="930">
        <v>13855</v>
      </c>
      <c r="AB21" s="931">
        <v>3</v>
      </c>
      <c r="AC21" s="930">
        <v>7879</v>
      </c>
      <c r="AD21" s="932">
        <v>3.2</v>
      </c>
      <c r="AE21" s="930">
        <v>5976</v>
      </c>
      <c r="AF21" s="931">
        <v>2.8</v>
      </c>
    </row>
    <row r="22" spans="1:32" s="319" customFormat="1" ht="22.5" customHeight="1">
      <c r="A22" s="562">
        <v>497116</v>
      </c>
      <c r="B22" s="343" t="s">
        <v>534</v>
      </c>
      <c r="C22" s="945">
        <v>-3548</v>
      </c>
      <c r="D22" s="946">
        <v>-2437</v>
      </c>
      <c r="E22" s="945">
        <v>-1111</v>
      </c>
      <c r="F22" s="930">
        <v>-2597</v>
      </c>
      <c r="G22" s="946">
        <v>-1811</v>
      </c>
      <c r="H22" s="945">
        <v>-786</v>
      </c>
      <c r="I22" s="948" t="s">
        <v>70</v>
      </c>
      <c r="J22" s="949" t="s">
        <v>70</v>
      </c>
      <c r="K22" s="949" t="s">
        <v>70</v>
      </c>
      <c r="L22" s="930">
        <v>2597</v>
      </c>
      <c r="M22" s="931">
        <v>2.9</v>
      </c>
      <c r="N22" s="930">
        <v>1811</v>
      </c>
      <c r="O22" s="932">
        <v>3.8</v>
      </c>
      <c r="P22" s="945">
        <v>786</v>
      </c>
      <c r="Q22" s="932">
        <v>1.9</v>
      </c>
      <c r="R22" s="945">
        <v>-951</v>
      </c>
      <c r="S22" s="946">
        <v>-626</v>
      </c>
      <c r="T22" s="945">
        <v>-325</v>
      </c>
      <c r="U22" s="930">
        <v>9504</v>
      </c>
      <c r="V22" s="931">
        <v>1.9</v>
      </c>
      <c r="W22" s="930">
        <v>5497</v>
      </c>
      <c r="X22" s="932">
        <v>2.1</v>
      </c>
      <c r="Y22" s="930">
        <v>4007</v>
      </c>
      <c r="Z22" s="932">
        <v>1.7</v>
      </c>
      <c r="AA22" s="930">
        <v>10455</v>
      </c>
      <c r="AB22" s="931">
        <v>2.2999999999999998</v>
      </c>
      <c r="AC22" s="930">
        <v>6123</v>
      </c>
      <c r="AD22" s="932">
        <v>2.5</v>
      </c>
      <c r="AE22" s="930">
        <v>4332</v>
      </c>
      <c r="AF22" s="931">
        <v>2</v>
      </c>
    </row>
    <row r="23" spans="1:32" s="319" customFormat="1" ht="22.5" customHeight="1">
      <c r="A23" s="562">
        <v>481333</v>
      </c>
      <c r="B23" s="343" t="s">
        <v>535</v>
      </c>
      <c r="C23" s="945">
        <v>-4954</v>
      </c>
      <c r="D23" s="946">
        <v>-3506</v>
      </c>
      <c r="E23" s="945">
        <v>-1448</v>
      </c>
      <c r="F23" s="930">
        <v>-4278</v>
      </c>
      <c r="G23" s="946">
        <v>-2981</v>
      </c>
      <c r="H23" s="945">
        <v>-1297</v>
      </c>
      <c r="I23" s="948" t="s">
        <v>70</v>
      </c>
      <c r="J23" s="949" t="s">
        <v>70</v>
      </c>
      <c r="K23" s="949" t="s">
        <v>70</v>
      </c>
      <c r="L23" s="930">
        <v>4278</v>
      </c>
      <c r="M23" s="931">
        <v>4.7</v>
      </c>
      <c r="N23" s="930">
        <v>2981</v>
      </c>
      <c r="O23" s="932">
        <v>6.2</v>
      </c>
      <c r="P23" s="945">
        <v>1297</v>
      </c>
      <c r="Q23" s="932">
        <v>3.1</v>
      </c>
      <c r="R23" s="945">
        <v>-676</v>
      </c>
      <c r="S23" s="946">
        <v>-525</v>
      </c>
      <c r="T23" s="945">
        <v>-151</v>
      </c>
      <c r="U23" s="930">
        <v>6836</v>
      </c>
      <c r="V23" s="931">
        <v>1.4</v>
      </c>
      <c r="W23" s="930">
        <v>3793</v>
      </c>
      <c r="X23" s="932">
        <v>1.5</v>
      </c>
      <c r="Y23" s="930">
        <v>3043</v>
      </c>
      <c r="Z23" s="932">
        <v>1.3</v>
      </c>
      <c r="AA23" s="930">
        <v>7512</v>
      </c>
      <c r="AB23" s="931">
        <v>1.6</v>
      </c>
      <c r="AC23" s="930">
        <v>4318</v>
      </c>
      <c r="AD23" s="932">
        <v>1.7</v>
      </c>
      <c r="AE23" s="930">
        <v>3194</v>
      </c>
      <c r="AF23" s="931">
        <v>1.5</v>
      </c>
    </row>
    <row r="24" spans="1:32" s="319" customFormat="1" ht="22.5" customHeight="1">
      <c r="A24" s="324">
        <v>617096</v>
      </c>
      <c r="B24" s="343" t="s">
        <v>437</v>
      </c>
      <c r="C24" s="943">
        <v>-8840</v>
      </c>
      <c r="D24" s="944">
        <v>-6059</v>
      </c>
      <c r="E24" s="943">
        <v>-2781</v>
      </c>
      <c r="F24" s="934">
        <v>-8642</v>
      </c>
      <c r="G24" s="944">
        <v>-5853</v>
      </c>
      <c r="H24" s="943">
        <v>-2789</v>
      </c>
      <c r="I24" s="950" t="s">
        <v>70</v>
      </c>
      <c r="J24" s="951" t="s">
        <v>70</v>
      </c>
      <c r="K24" s="951" t="s">
        <v>70</v>
      </c>
      <c r="L24" s="934">
        <v>8642</v>
      </c>
      <c r="M24" s="933">
        <v>9.5</v>
      </c>
      <c r="N24" s="934">
        <v>5853</v>
      </c>
      <c r="O24" s="935">
        <v>12.2</v>
      </c>
      <c r="P24" s="945">
        <v>2789</v>
      </c>
      <c r="Q24" s="935">
        <v>6.6</v>
      </c>
      <c r="R24" s="943">
        <v>-198</v>
      </c>
      <c r="S24" s="944">
        <v>-206</v>
      </c>
      <c r="T24" s="943">
        <v>8</v>
      </c>
      <c r="U24" s="934">
        <v>6761</v>
      </c>
      <c r="V24" s="933">
        <v>1.4</v>
      </c>
      <c r="W24" s="934">
        <v>3355</v>
      </c>
      <c r="X24" s="935">
        <v>1.3</v>
      </c>
      <c r="Y24" s="934">
        <v>3406</v>
      </c>
      <c r="Z24" s="935">
        <v>1.5</v>
      </c>
      <c r="AA24" s="934">
        <v>6959</v>
      </c>
      <c r="AB24" s="933">
        <v>1.5</v>
      </c>
      <c r="AC24" s="934">
        <v>3561</v>
      </c>
      <c r="AD24" s="935">
        <v>1.4</v>
      </c>
      <c r="AE24" s="934">
        <v>3398</v>
      </c>
      <c r="AF24" s="933">
        <v>1.6</v>
      </c>
    </row>
    <row r="25" spans="1:32" s="319" customFormat="1" ht="22.5" customHeight="1">
      <c r="A25" s="562">
        <v>461664</v>
      </c>
      <c r="B25" s="553" t="s">
        <v>438</v>
      </c>
      <c r="C25" s="945">
        <v>-10374</v>
      </c>
      <c r="D25" s="946">
        <v>-6744</v>
      </c>
      <c r="E25" s="945">
        <v>-3630</v>
      </c>
      <c r="F25" s="930">
        <v>-10377</v>
      </c>
      <c r="G25" s="946">
        <v>-6665</v>
      </c>
      <c r="H25" s="945">
        <v>-3712</v>
      </c>
      <c r="I25" s="948" t="s">
        <v>70</v>
      </c>
      <c r="J25" s="949" t="s">
        <v>70</v>
      </c>
      <c r="K25" s="949" t="s">
        <v>70</v>
      </c>
      <c r="L25" s="936">
        <v>10377</v>
      </c>
      <c r="M25" s="931">
        <v>11.5</v>
      </c>
      <c r="N25" s="930">
        <v>6665</v>
      </c>
      <c r="O25" s="932">
        <v>13.8</v>
      </c>
      <c r="P25" s="952">
        <v>3712</v>
      </c>
      <c r="Q25" s="932">
        <v>8.8000000000000007</v>
      </c>
      <c r="R25" s="945">
        <v>3</v>
      </c>
      <c r="S25" s="946">
        <v>-79</v>
      </c>
      <c r="T25" s="945">
        <v>82</v>
      </c>
      <c r="U25" s="930">
        <v>4964</v>
      </c>
      <c r="V25" s="931">
        <v>1</v>
      </c>
      <c r="W25" s="930">
        <v>2190</v>
      </c>
      <c r="X25" s="932">
        <v>0.8</v>
      </c>
      <c r="Y25" s="930">
        <v>2774</v>
      </c>
      <c r="Z25" s="932">
        <v>1.2</v>
      </c>
      <c r="AA25" s="930">
        <v>4961</v>
      </c>
      <c r="AB25" s="931">
        <v>1.1000000000000001</v>
      </c>
      <c r="AC25" s="930">
        <v>2269</v>
      </c>
      <c r="AD25" s="932">
        <v>0.9</v>
      </c>
      <c r="AE25" s="930">
        <v>2692</v>
      </c>
      <c r="AF25" s="931">
        <v>1.3</v>
      </c>
    </row>
    <row r="26" spans="1:32" s="319" customFormat="1" ht="22.5" customHeight="1">
      <c r="A26" s="562">
        <v>376694</v>
      </c>
      <c r="B26" s="343" t="s">
        <v>439</v>
      </c>
      <c r="C26" s="945">
        <v>-14635</v>
      </c>
      <c r="D26" s="946">
        <v>-9017</v>
      </c>
      <c r="E26" s="945">
        <v>-5618</v>
      </c>
      <c r="F26" s="930">
        <v>-14949</v>
      </c>
      <c r="G26" s="946">
        <v>-9047</v>
      </c>
      <c r="H26" s="945">
        <v>-5902</v>
      </c>
      <c r="I26" s="948" t="s">
        <v>70</v>
      </c>
      <c r="J26" s="949" t="s">
        <v>70</v>
      </c>
      <c r="K26" s="949" t="s">
        <v>70</v>
      </c>
      <c r="L26" s="930">
        <v>14949</v>
      </c>
      <c r="M26" s="931">
        <v>16.5</v>
      </c>
      <c r="N26" s="930">
        <v>9047</v>
      </c>
      <c r="O26" s="932">
        <v>18.8</v>
      </c>
      <c r="P26" s="945">
        <v>5902</v>
      </c>
      <c r="Q26" s="932">
        <v>13.9</v>
      </c>
      <c r="R26" s="945">
        <v>314</v>
      </c>
      <c r="S26" s="946">
        <v>30</v>
      </c>
      <c r="T26" s="945">
        <v>284</v>
      </c>
      <c r="U26" s="930">
        <v>4603</v>
      </c>
      <c r="V26" s="931">
        <v>0.9</v>
      </c>
      <c r="W26" s="930">
        <v>1621</v>
      </c>
      <c r="X26" s="932">
        <v>0.6</v>
      </c>
      <c r="Y26" s="930">
        <v>2982</v>
      </c>
      <c r="Z26" s="932">
        <v>1.3</v>
      </c>
      <c r="AA26" s="930">
        <v>4289</v>
      </c>
      <c r="AB26" s="931">
        <v>0.9</v>
      </c>
      <c r="AC26" s="930">
        <v>1591</v>
      </c>
      <c r="AD26" s="932">
        <v>0.6</v>
      </c>
      <c r="AE26" s="930">
        <v>2698</v>
      </c>
      <c r="AF26" s="931">
        <v>1.3</v>
      </c>
    </row>
    <row r="27" spans="1:32" s="319" customFormat="1" ht="22.5" customHeight="1">
      <c r="A27" s="562">
        <v>242137</v>
      </c>
      <c r="B27" s="343" t="s">
        <v>440</v>
      </c>
      <c r="C27" s="945">
        <v>-17483</v>
      </c>
      <c r="D27" s="946">
        <v>-9111</v>
      </c>
      <c r="E27" s="945">
        <v>-8372</v>
      </c>
      <c r="F27" s="930">
        <v>-17930</v>
      </c>
      <c r="G27" s="946">
        <v>-9175</v>
      </c>
      <c r="H27" s="945">
        <v>-8755</v>
      </c>
      <c r="I27" s="948" t="s">
        <v>70</v>
      </c>
      <c r="J27" s="949" t="s">
        <v>70</v>
      </c>
      <c r="K27" s="949" t="s">
        <v>70</v>
      </c>
      <c r="L27" s="930">
        <v>17930</v>
      </c>
      <c r="M27" s="931">
        <v>19.8</v>
      </c>
      <c r="N27" s="930">
        <v>9175</v>
      </c>
      <c r="O27" s="932">
        <v>19.100000000000001</v>
      </c>
      <c r="P27" s="945">
        <v>8755</v>
      </c>
      <c r="Q27" s="932">
        <v>20.7</v>
      </c>
      <c r="R27" s="945">
        <v>447</v>
      </c>
      <c r="S27" s="946">
        <v>64</v>
      </c>
      <c r="T27" s="945">
        <v>383</v>
      </c>
      <c r="U27" s="930">
        <v>4191</v>
      </c>
      <c r="V27" s="931">
        <v>0.9</v>
      </c>
      <c r="W27" s="930">
        <v>1238</v>
      </c>
      <c r="X27" s="932">
        <v>0.5</v>
      </c>
      <c r="Y27" s="930">
        <v>2953</v>
      </c>
      <c r="Z27" s="932">
        <v>1.3</v>
      </c>
      <c r="AA27" s="930">
        <v>3744</v>
      </c>
      <c r="AB27" s="931">
        <v>0.8</v>
      </c>
      <c r="AC27" s="930">
        <v>1174</v>
      </c>
      <c r="AD27" s="932">
        <v>0.5</v>
      </c>
      <c r="AE27" s="930">
        <v>2570</v>
      </c>
      <c r="AF27" s="931">
        <v>1.2</v>
      </c>
    </row>
    <row r="28" spans="1:32" s="319" customFormat="1" ht="22.5" customHeight="1">
      <c r="A28" s="562">
        <v>110740</v>
      </c>
      <c r="B28" s="343" t="s">
        <v>536</v>
      </c>
      <c r="C28" s="945">
        <v>-14927</v>
      </c>
      <c r="D28" s="946">
        <v>-5944</v>
      </c>
      <c r="E28" s="945">
        <v>-8983</v>
      </c>
      <c r="F28" s="930">
        <v>-15315</v>
      </c>
      <c r="G28" s="946">
        <v>-6026</v>
      </c>
      <c r="H28" s="945">
        <v>-9289</v>
      </c>
      <c r="I28" s="948" t="s">
        <v>70</v>
      </c>
      <c r="J28" s="949" t="s">
        <v>70</v>
      </c>
      <c r="K28" s="949" t="s">
        <v>70</v>
      </c>
      <c r="L28" s="930">
        <v>15315</v>
      </c>
      <c r="M28" s="931">
        <v>16.899999999999999</v>
      </c>
      <c r="N28" s="930">
        <v>6026</v>
      </c>
      <c r="O28" s="932">
        <v>12.5</v>
      </c>
      <c r="P28" s="945">
        <v>9289</v>
      </c>
      <c r="Q28" s="932">
        <v>21.9</v>
      </c>
      <c r="R28" s="945">
        <v>388</v>
      </c>
      <c r="S28" s="946">
        <v>82</v>
      </c>
      <c r="T28" s="945">
        <v>306</v>
      </c>
      <c r="U28" s="930">
        <v>2350</v>
      </c>
      <c r="V28" s="931">
        <v>0.5</v>
      </c>
      <c r="W28" s="930">
        <v>608</v>
      </c>
      <c r="X28" s="932">
        <v>0.2</v>
      </c>
      <c r="Y28" s="930">
        <v>1742</v>
      </c>
      <c r="Z28" s="932">
        <v>0.8</v>
      </c>
      <c r="AA28" s="930">
        <v>1962</v>
      </c>
      <c r="AB28" s="931">
        <v>0.4</v>
      </c>
      <c r="AC28" s="930">
        <v>526</v>
      </c>
      <c r="AD28" s="932">
        <v>0.2</v>
      </c>
      <c r="AE28" s="930">
        <v>1436</v>
      </c>
      <c r="AF28" s="931">
        <v>0.7</v>
      </c>
    </row>
    <row r="29" spans="1:32" s="319" customFormat="1" ht="22.5" customHeight="1">
      <c r="A29" s="562">
        <v>29537</v>
      </c>
      <c r="B29" s="344" t="s">
        <v>442</v>
      </c>
      <c r="C29" s="943">
        <v>-7808</v>
      </c>
      <c r="D29" s="944">
        <v>-2123</v>
      </c>
      <c r="E29" s="943">
        <v>-5685</v>
      </c>
      <c r="F29" s="934">
        <v>-7886</v>
      </c>
      <c r="G29" s="944">
        <v>-2137</v>
      </c>
      <c r="H29" s="943">
        <v>-5749</v>
      </c>
      <c r="I29" s="950" t="s">
        <v>70</v>
      </c>
      <c r="J29" s="951" t="s">
        <v>70</v>
      </c>
      <c r="K29" s="951" t="s">
        <v>70</v>
      </c>
      <c r="L29" s="930">
        <v>7886</v>
      </c>
      <c r="M29" s="933">
        <v>8.6999999999999993</v>
      </c>
      <c r="N29" s="930">
        <v>2137</v>
      </c>
      <c r="O29" s="935">
        <v>4.4000000000000004</v>
      </c>
      <c r="P29" s="943">
        <v>5749</v>
      </c>
      <c r="Q29" s="935">
        <v>13.6</v>
      </c>
      <c r="R29" s="943">
        <v>78</v>
      </c>
      <c r="S29" s="944">
        <v>14</v>
      </c>
      <c r="T29" s="943">
        <v>64</v>
      </c>
      <c r="U29" s="930">
        <v>628</v>
      </c>
      <c r="V29" s="933">
        <v>0.1</v>
      </c>
      <c r="W29" s="934">
        <v>131</v>
      </c>
      <c r="X29" s="935">
        <v>0.1</v>
      </c>
      <c r="Y29" s="934">
        <v>497</v>
      </c>
      <c r="Z29" s="935">
        <v>0.2</v>
      </c>
      <c r="AA29" s="934">
        <v>550</v>
      </c>
      <c r="AB29" s="933">
        <v>0.1</v>
      </c>
      <c r="AC29" s="934">
        <v>117</v>
      </c>
      <c r="AD29" s="935">
        <v>0</v>
      </c>
      <c r="AE29" s="934">
        <v>433</v>
      </c>
      <c r="AF29" s="933">
        <v>0.2</v>
      </c>
    </row>
    <row r="30" spans="1:32" s="319" customFormat="1" ht="22.5" customHeight="1">
      <c r="A30" s="554">
        <v>4806</v>
      </c>
      <c r="B30" s="555" t="s">
        <v>443</v>
      </c>
      <c r="C30" s="953">
        <v>-2193</v>
      </c>
      <c r="D30" s="954">
        <v>-325</v>
      </c>
      <c r="E30" s="937">
        <v>-1868</v>
      </c>
      <c r="F30" s="937">
        <v>-2206</v>
      </c>
      <c r="G30" s="954">
        <v>-323</v>
      </c>
      <c r="H30" s="955">
        <v>-1883</v>
      </c>
      <c r="I30" s="956" t="s">
        <v>70</v>
      </c>
      <c r="J30" s="957" t="s">
        <v>70</v>
      </c>
      <c r="K30" s="957" t="s">
        <v>70</v>
      </c>
      <c r="L30" s="937">
        <v>2206</v>
      </c>
      <c r="M30" s="938">
        <v>2.4</v>
      </c>
      <c r="N30" s="937">
        <v>323</v>
      </c>
      <c r="O30" s="939">
        <v>0.7</v>
      </c>
      <c r="P30" s="955">
        <v>1883</v>
      </c>
      <c r="Q30" s="939">
        <v>4.4000000000000004</v>
      </c>
      <c r="R30" s="955">
        <v>13</v>
      </c>
      <c r="S30" s="954">
        <v>-2</v>
      </c>
      <c r="T30" s="937">
        <v>15</v>
      </c>
      <c r="U30" s="937">
        <v>88</v>
      </c>
      <c r="V30" s="938">
        <v>0</v>
      </c>
      <c r="W30" s="937">
        <v>16</v>
      </c>
      <c r="X30" s="939">
        <v>0</v>
      </c>
      <c r="Y30" s="937">
        <v>72</v>
      </c>
      <c r="Z30" s="939">
        <v>0</v>
      </c>
      <c r="AA30" s="937">
        <v>75</v>
      </c>
      <c r="AB30" s="938">
        <v>0</v>
      </c>
      <c r="AC30" s="937">
        <v>18</v>
      </c>
      <c r="AD30" s="939">
        <v>0</v>
      </c>
      <c r="AE30" s="937">
        <v>57</v>
      </c>
      <c r="AF30" s="938">
        <v>0</v>
      </c>
    </row>
    <row r="31" spans="1:32" s="319" customFormat="1" ht="22.5" customHeight="1">
      <c r="A31" s="341">
        <v>1065999</v>
      </c>
      <c r="B31" s="320" t="s">
        <v>537</v>
      </c>
      <c r="C31" s="945">
        <v>61301</v>
      </c>
      <c r="D31" s="946">
        <v>31321</v>
      </c>
      <c r="E31" s="945">
        <v>29980</v>
      </c>
      <c r="F31" s="930">
        <v>60382</v>
      </c>
      <c r="G31" s="946">
        <v>30975</v>
      </c>
      <c r="H31" s="945">
        <v>29407</v>
      </c>
      <c r="I31" s="930">
        <v>60549</v>
      </c>
      <c r="J31" s="946">
        <v>31060</v>
      </c>
      <c r="K31" s="946">
        <v>29489</v>
      </c>
      <c r="L31" s="930">
        <v>167</v>
      </c>
      <c r="M31" s="931">
        <v>0.2</v>
      </c>
      <c r="N31" s="930">
        <v>85</v>
      </c>
      <c r="O31" s="932">
        <v>0.2</v>
      </c>
      <c r="P31" s="945">
        <v>82</v>
      </c>
      <c r="Q31" s="932">
        <v>0.2</v>
      </c>
      <c r="R31" s="945">
        <v>919</v>
      </c>
      <c r="S31" s="946">
        <v>346</v>
      </c>
      <c r="T31" s="930">
        <v>573</v>
      </c>
      <c r="U31" s="930">
        <v>43565</v>
      </c>
      <c r="V31" s="931">
        <v>8.9</v>
      </c>
      <c r="W31" s="930">
        <v>22241</v>
      </c>
      <c r="X31" s="932">
        <v>8.6</v>
      </c>
      <c r="Y31" s="930">
        <v>21324</v>
      </c>
      <c r="Z31" s="932">
        <v>9.3000000000000007</v>
      </c>
      <c r="AA31" s="930">
        <v>42646</v>
      </c>
      <c r="AB31" s="931">
        <v>9.1999999999999993</v>
      </c>
      <c r="AC31" s="930">
        <v>21895</v>
      </c>
      <c r="AD31" s="932">
        <v>8.8000000000000007</v>
      </c>
      <c r="AE31" s="930">
        <v>20751</v>
      </c>
      <c r="AF31" s="931">
        <v>9.6999999999999993</v>
      </c>
    </row>
    <row r="32" spans="1:32" s="319" customFormat="1" ht="22.5" customHeight="1">
      <c r="A32" s="562">
        <v>5627097</v>
      </c>
      <c r="B32" s="320" t="s">
        <v>538</v>
      </c>
      <c r="C32" s="945">
        <v>14756</v>
      </c>
      <c r="D32" s="946">
        <v>4514</v>
      </c>
      <c r="E32" s="945">
        <v>10242</v>
      </c>
      <c r="F32" s="930">
        <v>-8780</v>
      </c>
      <c r="G32" s="946">
        <v>-5846</v>
      </c>
      <c r="H32" s="945">
        <v>-2934</v>
      </c>
      <c r="I32" s="948" t="s">
        <v>70</v>
      </c>
      <c r="J32" s="949" t="s">
        <v>70</v>
      </c>
      <c r="K32" s="949" t="s">
        <v>70</v>
      </c>
      <c r="L32" s="930">
        <v>8780</v>
      </c>
      <c r="M32" s="931">
        <v>9.6999999999999993</v>
      </c>
      <c r="N32" s="930">
        <v>5846</v>
      </c>
      <c r="O32" s="932">
        <v>12.1</v>
      </c>
      <c r="P32" s="945">
        <v>2934</v>
      </c>
      <c r="Q32" s="932">
        <v>6.9</v>
      </c>
      <c r="R32" s="945">
        <v>23536</v>
      </c>
      <c r="S32" s="946">
        <v>10360</v>
      </c>
      <c r="T32" s="945">
        <v>13176</v>
      </c>
      <c r="U32" s="930">
        <v>414372</v>
      </c>
      <c r="V32" s="931">
        <v>84.9</v>
      </c>
      <c r="W32" s="930">
        <v>224187</v>
      </c>
      <c r="X32" s="932">
        <v>86.4</v>
      </c>
      <c r="Y32" s="930">
        <v>190185</v>
      </c>
      <c r="Z32" s="932">
        <v>83.1</v>
      </c>
      <c r="AA32" s="930">
        <v>390836</v>
      </c>
      <c r="AB32" s="931">
        <v>84.3</v>
      </c>
      <c r="AC32" s="930">
        <v>213827</v>
      </c>
      <c r="AD32" s="932">
        <v>85.8</v>
      </c>
      <c r="AE32" s="930">
        <v>177009</v>
      </c>
      <c r="AF32" s="931">
        <v>82.6</v>
      </c>
    </row>
    <row r="33" spans="1:32" s="319" customFormat="1" ht="22.5" customHeight="1" thickBot="1">
      <c r="A33" s="556">
        <v>2324007</v>
      </c>
      <c r="B33" s="321" t="s">
        <v>539</v>
      </c>
      <c r="C33" s="958">
        <v>-81214</v>
      </c>
      <c r="D33" s="959">
        <v>-42829</v>
      </c>
      <c r="E33" s="958">
        <v>-38385</v>
      </c>
      <c r="F33" s="940">
        <v>-81583</v>
      </c>
      <c r="G33" s="959">
        <v>-42207</v>
      </c>
      <c r="H33" s="958">
        <v>-39376</v>
      </c>
      <c r="I33" s="960" t="s">
        <v>70</v>
      </c>
      <c r="J33" s="961" t="s">
        <v>70</v>
      </c>
      <c r="K33" s="961" t="s">
        <v>70</v>
      </c>
      <c r="L33" s="940">
        <v>81583</v>
      </c>
      <c r="M33" s="941">
        <v>90.1</v>
      </c>
      <c r="N33" s="940">
        <v>42207</v>
      </c>
      <c r="O33" s="942">
        <v>87.7</v>
      </c>
      <c r="P33" s="958">
        <v>39376</v>
      </c>
      <c r="Q33" s="942">
        <v>92.9</v>
      </c>
      <c r="R33" s="958">
        <v>369</v>
      </c>
      <c r="S33" s="959">
        <v>-622</v>
      </c>
      <c r="T33" s="958">
        <v>991</v>
      </c>
      <c r="U33" s="940">
        <v>30421</v>
      </c>
      <c r="V33" s="941">
        <v>6.2</v>
      </c>
      <c r="W33" s="940">
        <v>12952</v>
      </c>
      <c r="X33" s="942">
        <v>5</v>
      </c>
      <c r="Y33" s="940">
        <v>17469</v>
      </c>
      <c r="Z33" s="942">
        <v>7.6</v>
      </c>
      <c r="AA33" s="940">
        <v>30052</v>
      </c>
      <c r="AB33" s="941">
        <v>6.5</v>
      </c>
      <c r="AC33" s="940">
        <v>13574</v>
      </c>
      <c r="AD33" s="942">
        <v>5.4</v>
      </c>
      <c r="AE33" s="940">
        <v>16478</v>
      </c>
      <c r="AF33" s="941">
        <v>7.7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40</v>
      </c>
    </row>
    <row r="37" spans="1:32" s="322" customFormat="1" ht="18" customHeight="1">
      <c r="A37" s="962" t="s">
        <v>541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42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  <colBreaks count="1" manualBreakCount="1">
    <brk id="15" max="37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543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F1" s="546" t="s">
        <v>543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545</v>
      </c>
      <c r="G5" s="1141"/>
      <c r="H5" s="1142"/>
      <c r="I5" s="1140" t="s">
        <v>502</v>
      </c>
      <c r="J5" s="1141"/>
      <c r="K5" s="1142"/>
      <c r="L5" s="1140" t="s">
        <v>503</v>
      </c>
      <c r="M5" s="1141"/>
      <c r="N5" s="1141"/>
      <c r="O5" s="1141"/>
      <c r="P5" s="1141"/>
      <c r="Q5" s="1142"/>
      <c r="R5" s="1140" t="s">
        <v>546</v>
      </c>
      <c r="S5" s="1141"/>
      <c r="T5" s="1142"/>
      <c r="U5" s="1140" t="s">
        <v>419</v>
      </c>
      <c r="V5" s="1141"/>
      <c r="W5" s="1141"/>
      <c r="X5" s="1141"/>
      <c r="Y5" s="1141"/>
      <c r="Z5" s="1142"/>
      <c r="AA5" s="1140" t="s">
        <v>547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48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7</v>
      </c>
      <c r="N7" s="537" t="s">
        <v>189</v>
      </c>
      <c r="O7" s="1009" t="s">
        <v>517</v>
      </c>
      <c r="P7" s="770" t="s">
        <v>189</v>
      </c>
      <c r="Q7" s="87" t="s">
        <v>517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7</v>
      </c>
      <c r="W7" s="537" t="s">
        <v>189</v>
      </c>
      <c r="X7" s="87" t="s">
        <v>517</v>
      </c>
      <c r="Y7" s="537" t="s">
        <v>189</v>
      </c>
      <c r="Z7" s="87" t="s">
        <v>517</v>
      </c>
      <c r="AA7" s="537" t="s">
        <v>189</v>
      </c>
      <c r="AB7" s="87" t="s">
        <v>517</v>
      </c>
      <c r="AC7" s="537" t="s">
        <v>189</v>
      </c>
      <c r="AD7" s="87" t="s">
        <v>517</v>
      </c>
      <c r="AE7" s="537" t="s">
        <v>189</v>
      </c>
      <c r="AF7" s="87" t="s">
        <v>517</v>
      </c>
    </row>
    <row r="8" spans="1:36" s="547" customFormat="1" ht="22.5" customHeight="1">
      <c r="A8" s="551">
        <v>3772029</v>
      </c>
      <c r="B8" s="312" t="s">
        <v>191</v>
      </c>
      <c r="C8" s="923">
        <v>-4257</v>
      </c>
      <c r="D8" s="924">
        <v>-4056</v>
      </c>
      <c r="E8" s="923">
        <v>-201</v>
      </c>
      <c r="F8" s="925">
        <v>-11457</v>
      </c>
      <c r="G8" s="924">
        <v>-6411</v>
      </c>
      <c r="H8" s="923">
        <v>-5046</v>
      </c>
      <c r="I8" s="925">
        <v>24876</v>
      </c>
      <c r="J8" s="924">
        <v>12767</v>
      </c>
      <c r="K8" s="924">
        <v>12109</v>
      </c>
      <c r="L8" s="925">
        <v>36333</v>
      </c>
      <c r="M8" s="313" t="s">
        <v>549</v>
      </c>
      <c r="N8" s="925">
        <v>19178</v>
      </c>
      <c r="O8" s="1010" t="s">
        <v>519</v>
      </c>
      <c r="P8" s="923">
        <v>17155</v>
      </c>
      <c r="Q8" s="313" t="s">
        <v>519</v>
      </c>
      <c r="R8" s="924">
        <v>7200</v>
      </c>
      <c r="S8" s="924">
        <v>2355</v>
      </c>
      <c r="T8" s="923">
        <v>4845</v>
      </c>
      <c r="U8" s="925">
        <v>214743</v>
      </c>
      <c r="V8" s="313" t="s">
        <v>519</v>
      </c>
      <c r="W8" s="925">
        <v>112792</v>
      </c>
      <c r="X8" s="313" t="s">
        <v>519</v>
      </c>
      <c r="Y8" s="925">
        <v>101951</v>
      </c>
      <c r="Z8" s="313" t="s">
        <v>519</v>
      </c>
      <c r="AA8" s="925">
        <v>207543</v>
      </c>
      <c r="AB8" s="313" t="s">
        <v>519</v>
      </c>
      <c r="AC8" s="925">
        <v>110437</v>
      </c>
      <c r="AD8" s="313" t="s">
        <v>519</v>
      </c>
      <c r="AE8" s="925">
        <v>97106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130456</v>
      </c>
      <c r="B10" s="342" t="s">
        <v>550</v>
      </c>
      <c r="C10" s="945">
        <v>25169</v>
      </c>
      <c r="D10" s="946">
        <v>12931</v>
      </c>
      <c r="E10" s="945">
        <v>12238</v>
      </c>
      <c r="F10" s="930">
        <v>24840</v>
      </c>
      <c r="G10" s="946">
        <v>12748</v>
      </c>
      <c r="H10" s="945">
        <v>12092</v>
      </c>
      <c r="I10" s="947">
        <v>24876</v>
      </c>
      <c r="J10" s="946">
        <v>12767</v>
      </c>
      <c r="K10" s="946">
        <v>12109</v>
      </c>
      <c r="L10" s="936">
        <v>36</v>
      </c>
      <c r="M10" s="931">
        <v>0.1</v>
      </c>
      <c r="N10" s="936">
        <v>19</v>
      </c>
      <c r="O10" s="932">
        <v>0.1</v>
      </c>
      <c r="P10" s="952">
        <v>17</v>
      </c>
      <c r="Q10" s="932">
        <v>0.1</v>
      </c>
      <c r="R10" s="945">
        <v>329</v>
      </c>
      <c r="S10" s="946">
        <v>183</v>
      </c>
      <c r="T10" s="945">
        <v>146</v>
      </c>
      <c r="U10" s="930">
        <v>11208</v>
      </c>
      <c r="V10" s="931">
        <v>5.2</v>
      </c>
      <c r="W10" s="936">
        <v>5792</v>
      </c>
      <c r="X10" s="932">
        <v>5.0999999999999996</v>
      </c>
      <c r="Y10" s="936">
        <v>5416</v>
      </c>
      <c r="Z10" s="932">
        <v>5.3</v>
      </c>
      <c r="AA10" s="930">
        <v>10879</v>
      </c>
      <c r="AB10" s="931">
        <v>5.2</v>
      </c>
      <c r="AC10" s="936">
        <v>5609</v>
      </c>
      <c r="AD10" s="932">
        <v>5.0999999999999996</v>
      </c>
      <c r="AE10" s="945">
        <v>5270</v>
      </c>
      <c r="AF10" s="931">
        <v>5.4</v>
      </c>
    </row>
    <row r="11" spans="1:36" s="319" customFormat="1" ht="22.5" customHeight="1">
      <c r="A11" s="341">
        <v>147928</v>
      </c>
      <c r="B11" s="343" t="s">
        <v>551</v>
      </c>
      <c r="C11" s="945">
        <v>6</v>
      </c>
      <c r="D11" s="946">
        <v>-18</v>
      </c>
      <c r="E11" s="945">
        <v>24</v>
      </c>
      <c r="F11" s="930">
        <v>-18</v>
      </c>
      <c r="G11" s="946">
        <v>-7</v>
      </c>
      <c r="H11" s="945">
        <v>-11</v>
      </c>
      <c r="I11" s="948" t="s">
        <v>70</v>
      </c>
      <c r="J11" s="949" t="s">
        <v>552</v>
      </c>
      <c r="K11" s="949" t="s">
        <v>70</v>
      </c>
      <c r="L11" s="930">
        <v>18</v>
      </c>
      <c r="M11" s="931">
        <v>0</v>
      </c>
      <c r="N11" s="930">
        <v>7</v>
      </c>
      <c r="O11" s="932">
        <v>0</v>
      </c>
      <c r="P11" s="945">
        <v>11</v>
      </c>
      <c r="Q11" s="932">
        <v>0.1</v>
      </c>
      <c r="R11" s="945">
        <v>24</v>
      </c>
      <c r="S11" s="946">
        <v>-11</v>
      </c>
      <c r="T11" s="945">
        <v>35</v>
      </c>
      <c r="U11" s="930">
        <v>5815</v>
      </c>
      <c r="V11" s="931">
        <v>2.7</v>
      </c>
      <c r="W11" s="930">
        <v>2902</v>
      </c>
      <c r="X11" s="932">
        <v>2.6</v>
      </c>
      <c r="Y11" s="930">
        <v>2913</v>
      </c>
      <c r="Z11" s="932">
        <v>2.9</v>
      </c>
      <c r="AA11" s="930">
        <v>5791</v>
      </c>
      <c r="AB11" s="931">
        <v>2.8</v>
      </c>
      <c r="AC11" s="930">
        <v>2913</v>
      </c>
      <c r="AD11" s="932">
        <v>2.6</v>
      </c>
      <c r="AE11" s="945">
        <v>2878</v>
      </c>
      <c r="AF11" s="931">
        <v>3</v>
      </c>
    </row>
    <row r="12" spans="1:36" s="319" customFormat="1" ht="22.5" customHeight="1">
      <c r="A12" s="341">
        <v>155766</v>
      </c>
      <c r="B12" s="343" t="s">
        <v>553</v>
      </c>
      <c r="C12" s="945">
        <v>188</v>
      </c>
      <c r="D12" s="946">
        <v>169</v>
      </c>
      <c r="E12" s="945">
        <v>19</v>
      </c>
      <c r="F12" s="930">
        <v>-9</v>
      </c>
      <c r="G12" s="946">
        <v>-6</v>
      </c>
      <c r="H12" s="945">
        <v>-3</v>
      </c>
      <c r="I12" s="948" t="s">
        <v>554</v>
      </c>
      <c r="J12" s="949" t="s">
        <v>70</v>
      </c>
      <c r="K12" s="949" t="s">
        <v>70</v>
      </c>
      <c r="L12" s="930">
        <v>9</v>
      </c>
      <c r="M12" s="931">
        <v>0</v>
      </c>
      <c r="N12" s="930">
        <v>6</v>
      </c>
      <c r="O12" s="932">
        <v>0</v>
      </c>
      <c r="P12" s="945">
        <v>3</v>
      </c>
      <c r="Q12" s="932">
        <v>0</v>
      </c>
      <c r="R12" s="945">
        <v>197</v>
      </c>
      <c r="S12" s="946">
        <v>175</v>
      </c>
      <c r="T12" s="945">
        <v>22</v>
      </c>
      <c r="U12" s="930">
        <v>3237</v>
      </c>
      <c r="V12" s="931">
        <v>1.5</v>
      </c>
      <c r="W12" s="930">
        <v>1707</v>
      </c>
      <c r="X12" s="932">
        <v>1.5</v>
      </c>
      <c r="Y12" s="930">
        <v>1530</v>
      </c>
      <c r="Z12" s="932">
        <v>1.5</v>
      </c>
      <c r="AA12" s="930">
        <v>3040</v>
      </c>
      <c r="AB12" s="931">
        <v>1.5</v>
      </c>
      <c r="AC12" s="930">
        <v>1532</v>
      </c>
      <c r="AD12" s="932">
        <v>1.4</v>
      </c>
      <c r="AE12" s="945">
        <v>1508</v>
      </c>
      <c r="AF12" s="931">
        <v>1.6</v>
      </c>
    </row>
    <row r="13" spans="1:36" s="319" customFormat="1" ht="22.5" customHeight="1">
      <c r="A13" s="341">
        <v>162208</v>
      </c>
      <c r="B13" s="343" t="s">
        <v>555</v>
      </c>
      <c r="C13" s="945">
        <v>1814</v>
      </c>
      <c r="D13" s="946">
        <v>918</v>
      </c>
      <c r="E13" s="945">
        <v>896</v>
      </c>
      <c r="F13" s="930">
        <v>-45</v>
      </c>
      <c r="G13" s="946">
        <v>-24</v>
      </c>
      <c r="H13" s="945">
        <v>-21</v>
      </c>
      <c r="I13" s="948" t="s">
        <v>70</v>
      </c>
      <c r="J13" s="949" t="s">
        <v>70</v>
      </c>
      <c r="K13" s="949" t="s">
        <v>70</v>
      </c>
      <c r="L13" s="930">
        <v>45</v>
      </c>
      <c r="M13" s="931">
        <v>0.1</v>
      </c>
      <c r="N13" s="930">
        <v>24</v>
      </c>
      <c r="O13" s="932">
        <v>0.1</v>
      </c>
      <c r="P13" s="945">
        <v>21</v>
      </c>
      <c r="Q13" s="932">
        <v>0.1</v>
      </c>
      <c r="R13" s="945">
        <v>1859</v>
      </c>
      <c r="S13" s="946">
        <v>942</v>
      </c>
      <c r="T13" s="945">
        <v>917</v>
      </c>
      <c r="U13" s="930">
        <v>6568</v>
      </c>
      <c r="V13" s="931">
        <v>3.1</v>
      </c>
      <c r="W13" s="930">
        <v>3447</v>
      </c>
      <c r="X13" s="932">
        <v>3.1</v>
      </c>
      <c r="Y13" s="930">
        <v>3121</v>
      </c>
      <c r="Z13" s="932">
        <v>3.1</v>
      </c>
      <c r="AA13" s="930">
        <v>4709</v>
      </c>
      <c r="AB13" s="931">
        <v>2.2999999999999998</v>
      </c>
      <c r="AC13" s="930">
        <v>2505</v>
      </c>
      <c r="AD13" s="932">
        <v>2.2999999999999998</v>
      </c>
      <c r="AE13" s="945">
        <v>2204</v>
      </c>
      <c r="AF13" s="931">
        <v>2.2999999999999998</v>
      </c>
    </row>
    <row r="14" spans="1:36" s="319" customFormat="1" ht="22.5" customHeight="1">
      <c r="A14" s="324">
        <v>201718</v>
      </c>
      <c r="B14" s="344" t="s">
        <v>556</v>
      </c>
      <c r="C14" s="943">
        <v>5028</v>
      </c>
      <c r="D14" s="944">
        <v>2129</v>
      </c>
      <c r="E14" s="943">
        <v>2899</v>
      </c>
      <c r="F14" s="934">
        <v>-49</v>
      </c>
      <c r="G14" s="944">
        <v>-30</v>
      </c>
      <c r="H14" s="943">
        <v>-19</v>
      </c>
      <c r="I14" s="950" t="s">
        <v>70</v>
      </c>
      <c r="J14" s="951" t="s">
        <v>70</v>
      </c>
      <c r="K14" s="951" t="s">
        <v>70</v>
      </c>
      <c r="L14" s="930">
        <v>49</v>
      </c>
      <c r="M14" s="933">
        <v>0.1</v>
      </c>
      <c r="N14" s="934">
        <v>30</v>
      </c>
      <c r="O14" s="935">
        <v>0.2</v>
      </c>
      <c r="P14" s="943">
        <v>19</v>
      </c>
      <c r="Q14" s="935">
        <v>0.1</v>
      </c>
      <c r="R14" s="943">
        <v>5077</v>
      </c>
      <c r="S14" s="944">
        <v>2159</v>
      </c>
      <c r="T14" s="943">
        <v>2918</v>
      </c>
      <c r="U14" s="930">
        <v>33927</v>
      </c>
      <c r="V14" s="933">
        <v>15.8</v>
      </c>
      <c r="W14" s="934">
        <v>17212</v>
      </c>
      <c r="X14" s="935">
        <v>15.3</v>
      </c>
      <c r="Y14" s="930">
        <v>16715</v>
      </c>
      <c r="Z14" s="935">
        <v>16.399999999999999</v>
      </c>
      <c r="AA14" s="934">
        <v>28850</v>
      </c>
      <c r="AB14" s="933">
        <v>13.9</v>
      </c>
      <c r="AC14" s="934">
        <v>15053</v>
      </c>
      <c r="AD14" s="935">
        <v>13.6</v>
      </c>
      <c r="AE14" s="945">
        <v>13797</v>
      </c>
      <c r="AF14" s="933">
        <v>14.2</v>
      </c>
    </row>
    <row r="15" spans="1:36" s="319" customFormat="1" ht="22.5" customHeight="1">
      <c r="A15" s="341">
        <v>199103</v>
      </c>
      <c r="B15" s="343" t="s">
        <v>557</v>
      </c>
      <c r="C15" s="945">
        <v>112</v>
      </c>
      <c r="D15" s="946">
        <v>113</v>
      </c>
      <c r="E15" s="945">
        <v>-1</v>
      </c>
      <c r="F15" s="930">
        <v>-83</v>
      </c>
      <c r="G15" s="946">
        <v>-59</v>
      </c>
      <c r="H15" s="945">
        <v>-24</v>
      </c>
      <c r="I15" s="948" t="s">
        <v>70</v>
      </c>
      <c r="J15" s="949" t="s">
        <v>70</v>
      </c>
      <c r="K15" s="949" t="s">
        <v>70</v>
      </c>
      <c r="L15" s="936">
        <v>83</v>
      </c>
      <c r="M15" s="931">
        <v>0.2</v>
      </c>
      <c r="N15" s="930">
        <v>59</v>
      </c>
      <c r="O15" s="932">
        <v>0.3</v>
      </c>
      <c r="P15" s="945">
        <v>24</v>
      </c>
      <c r="Q15" s="932">
        <v>0.1</v>
      </c>
      <c r="R15" s="945">
        <v>195</v>
      </c>
      <c r="S15" s="946">
        <v>172</v>
      </c>
      <c r="T15" s="945">
        <v>23</v>
      </c>
      <c r="U15" s="936">
        <v>45833</v>
      </c>
      <c r="V15" s="931">
        <v>21.3</v>
      </c>
      <c r="W15" s="930">
        <v>23827</v>
      </c>
      <c r="X15" s="932">
        <v>21.1</v>
      </c>
      <c r="Y15" s="936">
        <v>22006</v>
      </c>
      <c r="Z15" s="932">
        <v>21.6</v>
      </c>
      <c r="AA15" s="930">
        <v>45638</v>
      </c>
      <c r="AB15" s="931">
        <v>22</v>
      </c>
      <c r="AC15" s="930">
        <v>23655</v>
      </c>
      <c r="AD15" s="932">
        <v>21.4</v>
      </c>
      <c r="AE15" s="936">
        <v>21983</v>
      </c>
      <c r="AF15" s="931">
        <v>22.6</v>
      </c>
    </row>
    <row r="16" spans="1:36" s="319" customFormat="1" ht="22.5" customHeight="1">
      <c r="A16" s="341">
        <v>197759</v>
      </c>
      <c r="B16" s="343" t="s">
        <v>528</v>
      </c>
      <c r="C16" s="945">
        <v>677</v>
      </c>
      <c r="D16" s="946">
        <v>197</v>
      </c>
      <c r="E16" s="945">
        <v>480</v>
      </c>
      <c r="F16" s="930">
        <v>-87</v>
      </c>
      <c r="G16" s="946">
        <v>-48</v>
      </c>
      <c r="H16" s="945">
        <v>-39</v>
      </c>
      <c r="I16" s="948" t="s">
        <v>70</v>
      </c>
      <c r="J16" s="949" t="s">
        <v>70</v>
      </c>
      <c r="K16" s="949" t="s">
        <v>70</v>
      </c>
      <c r="L16" s="930">
        <v>87</v>
      </c>
      <c r="M16" s="931">
        <v>0.2</v>
      </c>
      <c r="N16" s="930">
        <v>48</v>
      </c>
      <c r="O16" s="932">
        <v>0.3</v>
      </c>
      <c r="P16" s="945">
        <v>39</v>
      </c>
      <c r="Q16" s="932">
        <v>0.2</v>
      </c>
      <c r="R16" s="945">
        <v>764</v>
      </c>
      <c r="S16" s="946">
        <v>245</v>
      </c>
      <c r="T16" s="945">
        <v>519</v>
      </c>
      <c r="U16" s="930">
        <v>31586</v>
      </c>
      <c r="V16" s="931">
        <v>14.7</v>
      </c>
      <c r="W16" s="930">
        <v>16778</v>
      </c>
      <c r="X16" s="932">
        <v>14.9</v>
      </c>
      <c r="Y16" s="930">
        <v>14808</v>
      </c>
      <c r="Z16" s="932">
        <v>14.5</v>
      </c>
      <c r="AA16" s="930">
        <v>30822</v>
      </c>
      <c r="AB16" s="931">
        <v>14.9</v>
      </c>
      <c r="AC16" s="930">
        <v>16533</v>
      </c>
      <c r="AD16" s="932">
        <v>15</v>
      </c>
      <c r="AE16" s="945">
        <v>14289</v>
      </c>
      <c r="AF16" s="931">
        <v>14.7</v>
      </c>
    </row>
    <row r="17" spans="1:32" s="319" customFormat="1" ht="22.5" customHeight="1">
      <c r="A17" s="341">
        <v>222226</v>
      </c>
      <c r="B17" s="343" t="s">
        <v>558</v>
      </c>
      <c r="C17" s="945">
        <v>485</v>
      </c>
      <c r="D17" s="946">
        <v>141</v>
      </c>
      <c r="E17" s="945">
        <v>344</v>
      </c>
      <c r="F17" s="930">
        <v>-126</v>
      </c>
      <c r="G17" s="946">
        <v>-86</v>
      </c>
      <c r="H17" s="945">
        <v>-40</v>
      </c>
      <c r="I17" s="948" t="s">
        <v>70</v>
      </c>
      <c r="J17" s="949" t="s">
        <v>70</v>
      </c>
      <c r="K17" s="949" t="s">
        <v>70</v>
      </c>
      <c r="L17" s="930">
        <v>126</v>
      </c>
      <c r="M17" s="931">
        <v>0.3</v>
      </c>
      <c r="N17" s="930">
        <v>86</v>
      </c>
      <c r="O17" s="932">
        <v>0.4</v>
      </c>
      <c r="P17" s="945">
        <v>40</v>
      </c>
      <c r="Q17" s="932">
        <v>0.2</v>
      </c>
      <c r="R17" s="945">
        <v>611</v>
      </c>
      <c r="S17" s="946">
        <v>227</v>
      </c>
      <c r="T17" s="945">
        <v>384</v>
      </c>
      <c r="U17" s="930">
        <v>20100</v>
      </c>
      <c r="V17" s="931">
        <v>9.4</v>
      </c>
      <c r="W17" s="930">
        <v>11054</v>
      </c>
      <c r="X17" s="932">
        <v>9.8000000000000007</v>
      </c>
      <c r="Y17" s="930">
        <v>9046</v>
      </c>
      <c r="Z17" s="932">
        <v>8.9</v>
      </c>
      <c r="AA17" s="930">
        <v>19489</v>
      </c>
      <c r="AB17" s="931">
        <v>9.4</v>
      </c>
      <c r="AC17" s="930">
        <v>10827</v>
      </c>
      <c r="AD17" s="932">
        <v>9.8000000000000007</v>
      </c>
      <c r="AE17" s="945">
        <v>8662</v>
      </c>
      <c r="AF17" s="931">
        <v>8.9</v>
      </c>
    </row>
    <row r="18" spans="1:32" s="319" customFormat="1" ht="22.5" customHeight="1">
      <c r="A18" s="341">
        <v>248893</v>
      </c>
      <c r="B18" s="343" t="s">
        <v>559</v>
      </c>
      <c r="C18" s="945">
        <v>4</v>
      </c>
      <c r="D18" s="946">
        <v>-159</v>
      </c>
      <c r="E18" s="945">
        <v>163</v>
      </c>
      <c r="F18" s="930">
        <v>-185</v>
      </c>
      <c r="G18" s="946">
        <v>-125</v>
      </c>
      <c r="H18" s="945">
        <v>-60</v>
      </c>
      <c r="I18" s="948" t="s">
        <v>70</v>
      </c>
      <c r="J18" s="949" t="s">
        <v>70</v>
      </c>
      <c r="K18" s="949" t="s">
        <v>70</v>
      </c>
      <c r="L18" s="930">
        <v>185</v>
      </c>
      <c r="M18" s="931">
        <v>0.5</v>
      </c>
      <c r="N18" s="930">
        <v>125</v>
      </c>
      <c r="O18" s="932">
        <v>0.7</v>
      </c>
      <c r="P18" s="945">
        <v>60</v>
      </c>
      <c r="Q18" s="932">
        <v>0.3</v>
      </c>
      <c r="R18" s="945">
        <v>189</v>
      </c>
      <c r="S18" s="946">
        <v>-34</v>
      </c>
      <c r="T18" s="945">
        <v>223</v>
      </c>
      <c r="U18" s="930">
        <v>13027</v>
      </c>
      <c r="V18" s="931">
        <v>6.1</v>
      </c>
      <c r="W18" s="930">
        <v>7319</v>
      </c>
      <c r="X18" s="932">
        <v>6.5</v>
      </c>
      <c r="Y18" s="930">
        <v>5708</v>
      </c>
      <c r="Z18" s="932">
        <v>5.6</v>
      </c>
      <c r="AA18" s="930">
        <v>12838</v>
      </c>
      <c r="AB18" s="931">
        <v>6.2</v>
      </c>
      <c r="AC18" s="930">
        <v>7353</v>
      </c>
      <c r="AD18" s="932">
        <v>6.7</v>
      </c>
      <c r="AE18" s="945">
        <v>5485</v>
      </c>
      <c r="AF18" s="931">
        <v>5.6</v>
      </c>
    </row>
    <row r="19" spans="1:32" s="319" customFormat="1" ht="22.5" customHeight="1">
      <c r="A19" s="324">
        <v>304388</v>
      </c>
      <c r="B19" s="344" t="s">
        <v>560</v>
      </c>
      <c r="C19" s="943">
        <v>-69</v>
      </c>
      <c r="D19" s="944">
        <v>-183</v>
      </c>
      <c r="E19" s="943">
        <v>114</v>
      </c>
      <c r="F19" s="934">
        <v>-369</v>
      </c>
      <c r="G19" s="944">
        <v>-222</v>
      </c>
      <c r="H19" s="943">
        <v>-147</v>
      </c>
      <c r="I19" s="950" t="s">
        <v>70</v>
      </c>
      <c r="J19" s="951" t="s">
        <v>70</v>
      </c>
      <c r="K19" s="951" t="s">
        <v>70</v>
      </c>
      <c r="L19" s="930">
        <v>369</v>
      </c>
      <c r="M19" s="933">
        <v>1</v>
      </c>
      <c r="N19" s="934">
        <v>222</v>
      </c>
      <c r="O19" s="935">
        <v>1.2</v>
      </c>
      <c r="P19" s="943">
        <v>147</v>
      </c>
      <c r="Q19" s="935">
        <v>0.9</v>
      </c>
      <c r="R19" s="943">
        <v>300</v>
      </c>
      <c r="S19" s="944">
        <v>39</v>
      </c>
      <c r="T19" s="943">
        <v>261</v>
      </c>
      <c r="U19" s="930">
        <v>10636</v>
      </c>
      <c r="V19" s="933">
        <v>5</v>
      </c>
      <c r="W19" s="934">
        <v>6039</v>
      </c>
      <c r="X19" s="935">
        <v>5.4</v>
      </c>
      <c r="Y19" s="934">
        <v>4597</v>
      </c>
      <c r="Z19" s="935">
        <v>4.5</v>
      </c>
      <c r="AA19" s="934">
        <v>10336</v>
      </c>
      <c r="AB19" s="933">
        <v>5</v>
      </c>
      <c r="AC19" s="930">
        <v>6000</v>
      </c>
      <c r="AD19" s="935">
        <v>5.4</v>
      </c>
      <c r="AE19" s="934">
        <v>4336</v>
      </c>
      <c r="AF19" s="933">
        <v>4.5</v>
      </c>
    </row>
    <row r="20" spans="1:32" s="319" customFormat="1" ht="22.5" customHeight="1">
      <c r="A20" s="341">
        <v>316897</v>
      </c>
      <c r="B20" s="343" t="s">
        <v>561</v>
      </c>
      <c r="C20" s="945">
        <v>-950</v>
      </c>
      <c r="D20" s="946">
        <v>-685</v>
      </c>
      <c r="E20" s="945">
        <v>-265</v>
      </c>
      <c r="F20" s="930">
        <v>-695</v>
      </c>
      <c r="G20" s="946">
        <v>-440</v>
      </c>
      <c r="H20" s="945">
        <v>-255</v>
      </c>
      <c r="I20" s="948" t="s">
        <v>70</v>
      </c>
      <c r="J20" s="949" t="s">
        <v>70</v>
      </c>
      <c r="K20" s="949" t="s">
        <v>70</v>
      </c>
      <c r="L20" s="936">
        <v>695</v>
      </c>
      <c r="M20" s="931">
        <v>1.9</v>
      </c>
      <c r="N20" s="930">
        <v>440</v>
      </c>
      <c r="O20" s="932">
        <v>2.2999999999999998</v>
      </c>
      <c r="P20" s="945">
        <v>255</v>
      </c>
      <c r="Q20" s="932">
        <v>1.5</v>
      </c>
      <c r="R20" s="945">
        <v>-255</v>
      </c>
      <c r="S20" s="946">
        <v>-245</v>
      </c>
      <c r="T20" s="945">
        <v>-10</v>
      </c>
      <c r="U20" s="936">
        <v>9025</v>
      </c>
      <c r="V20" s="931">
        <v>4.2</v>
      </c>
      <c r="W20" s="930">
        <v>5014</v>
      </c>
      <c r="X20" s="932">
        <v>4.4000000000000004</v>
      </c>
      <c r="Y20" s="930">
        <v>4011</v>
      </c>
      <c r="Z20" s="932">
        <v>3.9</v>
      </c>
      <c r="AA20" s="930">
        <v>9280</v>
      </c>
      <c r="AB20" s="931">
        <v>4.5</v>
      </c>
      <c r="AC20" s="936">
        <v>5259</v>
      </c>
      <c r="AD20" s="932">
        <v>4.8</v>
      </c>
      <c r="AE20" s="945">
        <v>4021</v>
      </c>
      <c r="AF20" s="931">
        <v>4.0999999999999996</v>
      </c>
    </row>
    <row r="21" spans="1:32" s="319" customFormat="1" ht="22.5" customHeight="1">
      <c r="A21" s="341">
        <v>253675</v>
      </c>
      <c r="B21" s="343" t="s">
        <v>562</v>
      </c>
      <c r="C21" s="945">
        <v>-1319</v>
      </c>
      <c r="D21" s="946">
        <v>-763</v>
      </c>
      <c r="E21" s="945">
        <v>-556</v>
      </c>
      <c r="F21" s="930">
        <v>-789</v>
      </c>
      <c r="G21" s="946">
        <v>-520</v>
      </c>
      <c r="H21" s="945">
        <v>-269</v>
      </c>
      <c r="I21" s="948" t="s">
        <v>70</v>
      </c>
      <c r="J21" s="949" t="s">
        <v>70</v>
      </c>
      <c r="K21" s="949" t="s">
        <v>70</v>
      </c>
      <c r="L21" s="930">
        <v>789</v>
      </c>
      <c r="M21" s="931">
        <v>2.2000000000000002</v>
      </c>
      <c r="N21" s="930">
        <v>520</v>
      </c>
      <c r="O21" s="932">
        <v>2.7</v>
      </c>
      <c r="P21" s="945">
        <v>269</v>
      </c>
      <c r="Q21" s="932">
        <v>1.6</v>
      </c>
      <c r="R21" s="945">
        <v>-530</v>
      </c>
      <c r="S21" s="946">
        <v>-243</v>
      </c>
      <c r="T21" s="945">
        <v>-287</v>
      </c>
      <c r="U21" s="930">
        <v>6124</v>
      </c>
      <c r="V21" s="931">
        <v>2.9</v>
      </c>
      <c r="W21" s="930">
        <v>3529</v>
      </c>
      <c r="X21" s="932">
        <v>3.1</v>
      </c>
      <c r="Y21" s="930">
        <v>2595</v>
      </c>
      <c r="Z21" s="932">
        <v>2.5</v>
      </c>
      <c r="AA21" s="930">
        <v>6654</v>
      </c>
      <c r="AB21" s="931">
        <v>3.2</v>
      </c>
      <c r="AC21" s="930">
        <v>3772</v>
      </c>
      <c r="AD21" s="932">
        <v>3.4</v>
      </c>
      <c r="AE21" s="945">
        <v>2882</v>
      </c>
      <c r="AF21" s="931">
        <v>3</v>
      </c>
    </row>
    <row r="22" spans="1:32" s="319" customFormat="1" ht="22.5" customHeight="1">
      <c r="A22" s="341">
        <v>205967</v>
      </c>
      <c r="B22" s="343" t="s">
        <v>563</v>
      </c>
      <c r="C22" s="945">
        <v>-1832</v>
      </c>
      <c r="D22" s="946">
        <v>-1229</v>
      </c>
      <c r="E22" s="945">
        <v>-603</v>
      </c>
      <c r="F22" s="930">
        <v>-1015</v>
      </c>
      <c r="G22" s="946">
        <v>-703</v>
      </c>
      <c r="H22" s="945">
        <v>-312</v>
      </c>
      <c r="I22" s="948" t="s">
        <v>70</v>
      </c>
      <c r="J22" s="949" t="s">
        <v>70</v>
      </c>
      <c r="K22" s="949" t="s">
        <v>70</v>
      </c>
      <c r="L22" s="930">
        <v>1015</v>
      </c>
      <c r="M22" s="931">
        <v>2.8</v>
      </c>
      <c r="N22" s="930">
        <v>703</v>
      </c>
      <c r="O22" s="932">
        <v>3.7</v>
      </c>
      <c r="P22" s="945">
        <v>312</v>
      </c>
      <c r="Q22" s="932">
        <v>1.8</v>
      </c>
      <c r="R22" s="945">
        <v>-817</v>
      </c>
      <c r="S22" s="946">
        <v>-526</v>
      </c>
      <c r="T22" s="945">
        <v>-291</v>
      </c>
      <c r="U22" s="930">
        <v>4230</v>
      </c>
      <c r="V22" s="931">
        <v>2</v>
      </c>
      <c r="W22" s="930">
        <v>2447</v>
      </c>
      <c r="X22" s="932">
        <v>2.2000000000000002</v>
      </c>
      <c r="Y22" s="930">
        <v>1783</v>
      </c>
      <c r="Z22" s="932">
        <v>1.7</v>
      </c>
      <c r="AA22" s="930">
        <v>5047</v>
      </c>
      <c r="AB22" s="931">
        <v>2.4</v>
      </c>
      <c r="AC22" s="930">
        <v>2973</v>
      </c>
      <c r="AD22" s="932">
        <v>2.7</v>
      </c>
      <c r="AE22" s="945">
        <v>2074</v>
      </c>
      <c r="AF22" s="931">
        <v>2.1</v>
      </c>
    </row>
    <row r="23" spans="1:32" s="319" customFormat="1" ht="22.5" customHeight="1">
      <c r="A23" s="341">
        <v>192863</v>
      </c>
      <c r="B23" s="343" t="s">
        <v>564</v>
      </c>
      <c r="C23" s="945">
        <v>-2213</v>
      </c>
      <c r="D23" s="946">
        <v>-1518</v>
      </c>
      <c r="E23" s="945">
        <v>-695</v>
      </c>
      <c r="F23" s="930">
        <v>-1659</v>
      </c>
      <c r="G23" s="946">
        <v>-1171</v>
      </c>
      <c r="H23" s="945">
        <v>-488</v>
      </c>
      <c r="I23" s="948" t="s">
        <v>70</v>
      </c>
      <c r="J23" s="949" t="s">
        <v>70</v>
      </c>
      <c r="K23" s="949" t="s">
        <v>70</v>
      </c>
      <c r="L23" s="930">
        <v>1659</v>
      </c>
      <c r="M23" s="931">
        <v>4.5999999999999996</v>
      </c>
      <c r="N23" s="930">
        <v>1171</v>
      </c>
      <c r="O23" s="932">
        <v>6.1</v>
      </c>
      <c r="P23" s="945">
        <v>488</v>
      </c>
      <c r="Q23" s="932">
        <v>2.8</v>
      </c>
      <c r="R23" s="945">
        <v>-554</v>
      </c>
      <c r="S23" s="946">
        <v>-347</v>
      </c>
      <c r="T23" s="945">
        <v>-207</v>
      </c>
      <c r="U23" s="930">
        <v>3021</v>
      </c>
      <c r="V23" s="931">
        <v>1.4</v>
      </c>
      <c r="W23" s="930">
        <v>1704</v>
      </c>
      <c r="X23" s="932">
        <v>1.5</v>
      </c>
      <c r="Y23" s="930">
        <v>1317</v>
      </c>
      <c r="Z23" s="932">
        <v>1.3</v>
      </c>
      <c r="AA23" s="930">
        <v>3575</v>
      </c>
      <c r="AB23" s="931">
        <v>1.7</v>
      </c>
      <c r="AC23" s="930">
        <v>2051</v>
      </c>
      <c r="AD23" s="932">
        <v>1.9</v>
      </c>
      <c r="AE23" s="945">
        <v>1524</v>
      </c>
      <c r="AF23" s="931">
        <v>1.6</v>
      </c>
    </row>
    <row r="24" spans="1:32" s="319" customFormat="1" ht="22.5" customHeight="1">
      <c r="A24" s="324">
        <v>242763</v>
      </c>
      <c r="B24" s="343" t="s">
        <v>565</v>
      </c>
      <c r="C24" s="943">
        <v>-3703</v>
      </c>
      <c r="D24" s="944">
        <v>-2522</v>
      </c>
      <c r="E24" s="943">
        <v>-1181</v>
      </c>
      <c r="F24" s="934">
        <v>-3409</v>
      </c>
      <c r="G24" s="944">
        <v>-2307</v>
      </c>
      <c r="H24" s="943">
        <v>-1102</v>
      </c>
      <c r="I24" s="950" t="s">
        <v>70</v>
      </c>
      <c r="J24" s="951" t="s">
        <v>70</v>
      </c>
      <c r="K24" s="951" t="s">
        <v>70</v>
      </c>
      <c r="L24" s="934">
        <v>3409</v>
      </c>
      <c r="M24" s="933">
        <v>9.4</v>
      </c>
      <c r="N24" s="934">
        <v>2307</v>
      </c>
      <c r="O24" s="935">
        <v>12</v>
      </c>
      <c r="P24" s="945">
        <v>1102</v>
      </c>
      <c r="Q24" s="935">
        <v>6.4</v>
      </c>
      <c r="R24" s="943">
        <v>-294</v>
      </c>
      <c r="S24" s="944">
        <v>-215</v>
      </c>
      <c r="T24" s="943">
        <v>-79</v>
      </c>
      <c r="U24" s="934">
        <v>2941</v>
      </c>
      <c r="V24" s="933">
        <v>1.4</v>
      </c>
      <c r="W24" s="934">
        <v>1464</v>
      </c>
      <c r="X24" s="935">
        <v>1.3</v>
      </c>
      <c r="Y24" s="934">
        <v>1477</v>
      </c>
      <c r="Z24" s="935">
        <v>1.4</v>
      </c>
      <c r="AA24" s="930">
        <v>3235</v>
      </c>
      <c r="AB24" s="933">
        <v>1.6</v>
      </c>
      <c r="AC24" s="934">
        <v>1679</v>
      </c>
      <c r="AD24" s="935">
        <v>1.5</v>
      </c>
      <c r="AE24" s="943">
        <v>1556</v>
      </c>
      <c r="AF24" s="933">
        <v>1.6</v>
      </c>
    </row>
    <row r="25" spans="1:32" s="319" customFormat="1" ht="22.5" customHeight="1">
      <c r="A25" s="341">
        <v>180368</v>
      </c>
      <c r="B25" s="553" t="s">
        <v>566</v>
      </c>
      <c r="C25" s="945">
        <v>-4078</v>
      </c>
      <c r="D25" s="946">
        <v>-2678</v>
      </c>
      <c r="E25" s="945">
        <v>-1400</v>
      </c>
      <c r="F25" s="930">
        <v>-4010</v>
      </c>
      <c r="G25" s="946">
        <v>-2593</v>
      </c>
      <c r="H25" s="945">
        <v>-1417</v>
      </c>
      <c r="I25" s="948" t="s">
        <v>70</v>
      </c>
      <c r="J25" s="949" t="s">
        <v>70</v>
      </c>
      <c r="K25" s="949" t="s">
        <v>70</v>
      </c>
      <c r="L25" s="936">
        <v>4010</v>
      </c>
      <c r="M25" s="931">
        <v>11</v>
      </c>
      <c r="N25" s="930">
        <v>2593</v>
      </c>
      <c r="O25" s="932">
        <v>13.5</v>
      </c>
      <c r="P25" s="952">
        <v>1417</v>
      </c>
      <c r="Q25" s="932">
        <v>8.3000000000000007</v>
      </c>
      <c r="R25" s="945">
        <v>-68</v>
      </c>
      <c r="S25" s="946">
        <v>-85</v>
      </c>
      <c r="T25" s="945">
        <v>17</v>
      </c>
      <c r="U25" s="930">
        <v>2222</v>
      </c>
      <c r="V25" s="931">
        <v>1</v>
      </c>
      <c r="W25" s="930">
        <v>983</v>
      </c>
      <c r="X25" s="932">
        <v>0.9</v>
      </c>
      <c r="Y25" s="930">
        <v>1239</v>
      </c>
      <c r="Z25" s="932">
        <v>1.2</v>
      </c>
      <c r="AA25" s="936">
        <v>2290</v>
      </c>
      <c r="AB25" s="931">
        <v>1.1000000000000001</v>
      </c>
      <c r="AC25" s="930">
        <v>1068</v>
      </c>
      <c r="AD25" s="932">
        <v>1</v>
      </c>
      <c r="AE25" s="945">
        <v>1222</v>
      </c>
      <c r="AF25" s="931">
        <v>1.3</v>
      </c>
    </row>
    <row r="26" spans="1:32" s="319" customFormat="1" ht="22.5" customHeight="1">
      <c r="A26" s="341">
        <v>150410</v>
      </c>
      <c r="B26" s="343" t="s">
        <v>567</v>
      </c>
      <c r="C26" s="945">
        <v>-5902</v>
      </c>
      <c r="D26" s="946">
        <v>-3605</v>
      </c>
      <c r="E26" s="945">
        <v>-2297</v>
      </c>
      <c r="F26" s="930">
        <v>-5936</v>
      </c>
      <c r="G26" s="946">
        <v>-3577</v>
      </c>
      <c r="H26" s="945">
        <v>-2359</v>
      </c>
      <c r="I26" s="948" t="s">
        <v>70</v>
      </c>
      <c r="J26" s="949" t="s">
        <v>70</v>
      </c>
      <c r="K26" s="949" t="s">
        <v>70</v>
      </c>
      <c r="L26" s="930">
        <v>5936</v>
      </c>
      <c r="M26" s="931">
        <v>16.3</v>
      </c>
      <c r="N26" s="930">
        <v>3577</v>
      </c>
      <c r="O26" s="932">
        <v>18.7</v>
      </c>
      <c r="P26" s="945">
        <v>2359</v>
      </c>
      <c r="Q26" s="932">
        <v>13.8</v>
      </c>
      <c r="R26" s="945">
        <v>34</v>
      </c>
      <c r="S26" s="946">
        <v>-28</v>
      </c>
      <c r="T26" s="945">
        <v>62</v>
      </c>
      <c r="U26" s="930">
        <v>2012</v>
      </c>
      <c r="V26" s="931">
        <v>0.9</v>
      </c>
      <c r="W26" s="930">
        <v>704</v>
      </c>
      <c r="X26" s="932">
        <v>0.6</v>
      </c>
      <c r="Y26" s="930">
        <v>1308</v>
      </c>
      <c r="Z26" s="932">
        <v>1.3</v>
      </c>
      <c r="AA26" s="930">
        <v>1978</v>
      </c>
      <c r="AB26" s="931">
        <v>1</v>
      </c>
      <c r="AC26" s="930">
        <v>732</v>
      </c>
      <c r="AD26" s="932">
        <v>0.7</v>
      </c>
      <c r="AE26" s="945">
        <v>1246</v>
      </c>
      <c r="AF26" s="931">
        <v>1.3</v>
      </c>
    </row>
    <row r="27" spans="1:32" s="319" customFormat="1" ht="22.5" customHeight="1">
      <c r="A27" s="341">
        <v>100422</v>
      </c>
      <c r="B27" s="343" t="s">
        <v>568</v>
      </c>
      <c r="C27" s="945">
        <v>-7120</v>
      </c>
      <c r="D27" s="946">
        <v>-3688</v>
      </c>
      <c r="E27" s="945">
        <v>-3432</v>
      </c>
      <c r="F27" s="930">
        <v>-7203</v>
      </c>
      <c r="G27" s="946">
        <v>-3662</v>
      </c>
      <c r="H27" s="945">
        <v>-3541</v>
      </c>
      <c r="I27" s="948" t="s">
        <v>70</v>
      </c>
      <c r="J27" s="949" t="s">
        <v>70</v>
      </c>
      <c r="K27" s="949" t="s">
        <v>70</v>
      </c>
      <c r="L27" s="930">
        <v>7203</v>
      </c>
      <c r="M27" s="931">
        <v>19.8</v>
      </c>
      <c r="N27" s="930">
        <v>3662</v>
      </c>
      <c r="O27" s="932">
        <v>19.100000000000001</v>
      </c>
      <c r="P27" s="945">
        <v>3541</v>
      </c>
      <c r="Q27" s="932">
        <v>20.6</v>
      </c>
      <c r="R27" s="945">
        <v>83</v>
      </c>
      <c r="S27" s="946">
        <v>-26</v>
      </c>
      <c r="T27" s="945">
        <v>109</v>
      </c>
      <c r="U27" s="930">
        <v>1851</v>
      </c>
      <c r="V27" s="931">
        <v>0.9</v>
      </c>
      <c r="W27" s="930">
        <v>532</v>
      </c>
      <c r="X27" s="932">
        <v>0.5</v>
      </c>
      <c r="Y27" s="930">
        <v>1319</v>
      </c>
      <c r="Z27" s="932">
        <v>1.3</v>
      </c>
      <c r="AA27" s="930">
        <v>1768</v>
      </c>
      <c r="AB27" s="931">
        <v>0.9</v>
      </c>
      <c r="AC27" s="930">
        <v>558</v>
      </c>
      <c r="AD27" s="932">
        <v>0.5</v>
      </c>
      <c r="AE27" s="945">
        <v>1210</v>
      </c>
      <c r="AF27" s="931">
        <v>1.2</v>
      </c>
    </row>
    <row r="28" spans="1:32" s="319" customFormat="1" ht="22.5" customHeight="1">
      <c r="A28" s="341">
        <v>45634</v>
      </c>
      <c r="B28" s="343" t="s">
        <v>569</v>
      </c>
      <c r="C28" s="945">
        <v>-6357</v>
      </c>
      <c r="D28" s="946">
        <v>-2559</v>
      </c>
      <c r="E28" s="945">
        <v>-3798</v>
      </c>
      <c r="F28" s="930">
        <v>-6399</v>
      </c>
      <c r="G28" s="946">
        <v>-2542</v>
      </c>
      <c r="H28" s="945">
        <v>-3857</v>
      </c>
      <c r="I28" s="948" t="s">
        <v>70</v>
      </c>
      <c r="J28" s="949" t="s">
        <v>70</v>
      </c>
      <c r="K28" s="949" t="s">
        <v>70</v>
      </c>
      <c r="L28" s="930">
        <v>6399</v>
      </c>
      <c r="M28" s="931">
        <v>17.600000000000001</v>
      </c>
      <c r="N28" s="930">
        <v>2542</v>
      </c>
      <c r="O28" s="932">
        <v>13.3</v>
      </c>
      <c r="P28" s="945">
        <v>3857</v>
      </c>
      <c r="Q28" s="932">
        <v>22.5</v>
      </c>
      <c r="R28" s="945">
        <v>42</v>
      </c>
      <c r="S28" s="946">
        <v>-17</v>
      </c>
      <c r="T28" s="945">
        <v>59</v>
      </c>
      <c r="U28" s="930">
        <v>1050</v>
      </c>
      <c r="V28" s="931">
        <v>0.5</v>
      </c>
      <c r="W28" s="930">
        <v>275</v>
      </c>
      <c r="X28" s="932">
        <v>0.2</v>
      </c>
      <c r="Y28" s="930">
        <v>775</v>
      </c>
      <c r="Z28" s="932">
        <v>0.8</v>
      </c>
      <c r="AA28" s="930">
        <v>1008</v>
      </c>
      <c r="AB28" s="931">
        <v>0.5</v>
      </c>
      <c r="AC28" s="930">
        <v>292</v>
      </c>
      <c r="AD28" s="932">
        <v>0.3</v>
      </c>
      <c r="AE28" s="945">
        <v>716</v>
      </c>
      <c r="AF28" s="931">
        <v>0.7</v>
      </c>
    </row>
    <row r="29" spans="1:32" s="319" customFormat="1" ht="22.5" customHeight="1">
      <c r="A29" s="324">
        <v>11939</v>
      </c>
      <c r="B29" s="344" t="s">
        <v>570</v>
      </c>
      <c r="C29" s="943">
        <v>-3283</v>
      </c>
      <c r="D29" s="944">
        <v>-901</v>
      </c>
      <c r="E29" s="943">
        <v>-2382</v>
      </c>
      <c r="F29" s="934">
        <v>-3301</v>
      </c>
      <c r="G29" s="944">
        <v>-896</v>
      </c>
      <c r="H29" s="943">
        <v>-2405</v>
      </c>
      <c r="I29" s="950" t="s">
        <v>70</v>
      </c>
      <c r="J29" s="951" t="s">
        <v>70</v>
      </c>
      <c r="K29" s="951" t="s">
        <v>70</v>
      </c>
      <c r="L29" s="930">
        <v>3301</v>
      </c>
      <c r="M29" s="933">
        <v>9.1</v>
      </c>
      <c r="N29" s="934">
        <v>896</v>
      </c>
      <c r="O29" s="935">
        <v>4.7</v>
      </c>
      <c r="P29" s="943">
        <v>2405</v>
      </c>
      <c r="Q29" s="935">
        <v>14</v>
      </c>
      <c r="R29" s="943">
        <v>18</v>
      </c>
      <c r="S29" s="944">
        <v>-5</v>
      </c>
      <c r="T29" s="943">
        <v>23</v>
      </c>
      <c r="U29" s="930">
        <v>291</v>
      </c>
      <c r="V29" s="933">
        <v>0.1</v>
      </c>
      <c r="W29" s="934">
        <v>55</v>
      </c>
      <c r="X29" s="935">
        <v>0</v>
      </c>
      <c r="Y29" s="934">
        <v>236</v>
      </c>
      <c r="Z29" s="935">
        <v>0.2</v>
      </c>
      <c r="AA29" s="934">
        <v>273</v>
      </c>
      <c r="AB29" s="933">
        <v>0.1</v>
      </c>
      <c r="AC29" s="934">
        <v>60</v>
      </c>
      <c r="AD29" s="935">
        <v>0.1</v>
      </c>
      <c r="AE29" s="943">
        <v>213</v>
      </c>
      <c r="AF29" s="933">
        <v>0.2</v>
      </c>
    </row>
    <row r="30" spans="1:32" s="319" customFormat="1" ht="22.5" customHeight="1">
      <c r="A30" s="554">
        <v>1857</v>
      </c>
      <c r="B30" s="555" t="s">
        <v>571</v>
      </c>
      <c r="C30" s="953">
        <v>-914</v>
      </c>
      <c r="D30" s="954">
        <v>-146</v>
      </c>
      <c r="E30" s="937">
        <v>-768</v>
      </c>
      <c r="F30" s="937">
        <v>-910</v>
      </c>
      <c r="G30" s="954">
        <v>-141</v>
      </c>
      <c r="H30" s="955">
        <v>-769</v>
      </c>
      <c r="I30" s="956" t="s">
        <v>70</v>
      </c>
      <c r="J30" s="957" t="s">
        <v>70</v>
      </c>
      <c r="K30" s="957" t="s">
        <v>70</v>
      </c>
      <c r="L30" s="937">
        <v>910</v>
      </c>
      <c r="M30" s="938">
        <v>2.5</v>
      </c>
      <c r="N30" s="937">
        <v>141</v>
      </c>
      <c r="O30" s="939">
        <v>0.7</v>
      </c>
      <c r="P30" s="955">
        <v>769</v>
      </c>
      <c r="Q30" s="939">
        <v>4.5</v>
      </c>
      <c r="R30" s="955">
        <v>-4</v>
      </c>
      <c r="S30" s="954">
        <v>-5</v>
      </c>
      <c r="T30" s="937">
        <v>1</v>
      </c>
      <c r="U30" s="937">
        <v>39</v>
      </c>
      <c r="V30" s="938">
        <v>0</v>
      </c>
      <c r="W30" s="937">
        <v>8</v>
      </c>
      <c r="X30" s="939">
        <v>0</v>
      </c>
      <c r="Y30" s="937">
        <v>31</v>
      </c>
      <c r="Z30" s="939">
        <v>0</v>
      </c>
      <c r="AA30" s="937">
        <v>43</v>
      </c>
      <c r="AB30" s="938">
        <v>0</v>
      </c>
      <c r="AC30" s="937">
        <v>13</v>
      </c>
      <c r="AD30" s="939">
        <v>0</v>
      </c>
      <c r="AE30" s="937">
        <v>30</v>
      </c>
      <c r="AF30" s="938">
        <v>0</v>
      </c>
    </row>
    <row r="31" spans="1:32" s="319" customFormat="1" ht="22.5" customHeight="1">
      <c r="A31" s="341">
        <v>434150</v>
      </c>
      <c r="B31" s="320" t="s">
        <v>444</v>
      </c>
      <c r="C31" s="945">
        <v>25363</v>
      </c>
      <c r="D31" s="946">
        <v>13082</v>
      </c>
      <c r="E31" s="945">
        <v>12281</v>
      </c>
      <c r="F31" s="930">
        <v>24813</v>
      </c>
      <c r="G31" s="946">
        <v>12735</v>
      </c>
      <c r="H31" s="945">
        <v>12078</v>
      </c>
      <c r="I31" s="930">
        <v>24876</v>
      </c>
      <c r="J31" s="946">
        <v>12767</v>
      </c>
      <c r="K31" s="946">
        <v>12109</v>
      </c>
      <c r="L31" s="930">
        <v>63</v>
      </c>
      <c r="M31" s="931">
        <v>0.2</v>
      </c>
      <c r="N31" s="930">
        <v>32</v>
      </c>
      <c r="O31" s="932">
        <v>0.2</v>
      </c>
      <c r="P31" s="945">
        <v>31</v>
      </c>
      <c r="Q31" s="932">
        <v>0.2</v>
      </c>
      <c r="R31" s="945">
        <v>550</v>
      </c>
      <c r="S31" s="946">
        <v>347</v>
      </c>
      <c r="T31" s="930">
        <v>203</v>
      </c>
      <c r="U31" s="930">
        <v>20260</v>
      </c>
      <c r="V31" s="931">
        <v>9.4</v>
      </c>
      <c r="W31" s="930">
        <v>10401</v>
      </c>
      <c r="X31" s="932">
        <v>9.1999999999999993</v>
      </c>
      <c r="Y31" s="930">
        <v>9859</v>
      </c>
      <c r="Z31" s="932">
        <v>9.6999999999999993</v>
      </c>
      <c r="AA31" s="930">
        <v>19710</v>
      </c>
      <c r="AB31" s="931">
        <v>9.5</v>
      </c>
      <c r="AC31" s="930">
        <v>10054</v>
      </c>
      <c r="AD31" s="932">
        <v>9.1</v>
      </c>
      <c r="AE31" s="930">
        <v>9656</v>
      </c>
      <c r="AF31" s="931">
        <v>9.9</v>
      </c>
    </row>
    <row r="32" spans="1:32" s="319" customFormat="1" ht="22.5" customHeight="1">
      <c r="A32" s="341">
        <v>2312834</v>
      </c>
      <c r="B32" s="320" t="s">
        <v>572</v>
      </c>
      <c r="C32" s="945">
        <v>3950</v>
      </c>
      <c r="D32" s="946">
        <v>479</v>
      </c>
      <c r="E32" s="945">
        <v>3471</v>
      </c>
      <c r="F32" s="930">
        <v>-3443</v>
      </c>
      <c r="G32" s="946">
        <v>-2257</v>
      </c>
      <c r="H32" s="945">
        <v>-1186</v>
      </c>
      <c r="I32" s="948" t="s">
        <v>70</v>
      </c>
      <c r="J32" s="949" t="s">
        <v>70</v>
      </c>
      <c r="K32" s="949" t="s">
        <v>70</v>
      </c>
      <c r="L32" s="930">
        <v>3443</v>
      </c>
      <c r="M32" s="931">
        <v>9.5</v>
      </c>
      <c r="N32" s="930">
        <v>2257</v>
      </c>
      <c r="O32" s="932">
        <v>11.8</v>
      </c>
      <c r="P32" s="945">
        <v>1186</v>
      </c>
      <c r="Q32" s="932">
        <v>6.9</v>
      </c>
      <c r="R32" s="945">
        <v>7393</v>
      </c>
      <c r="S32" s="946">
        <v>2736</v>
      </c>
      <c r="T32" s="945">
        <v>4657</v>
      </c>
      <c r="U32" s="930">
        <v>181056</v>
      </c>
      <c r="V32" s="931">
        <v>84.3</v>
      </c>
      <c r="W32" s="930">
        <v>96666</v>
      </c>
      <c r="X32" s="932">
        <v>85.7</v>
      </c>
      <c r="Y32" s="930">
        <v>84390</v>
      </c>
      <c r="Z32" s="932">
        <v>82.8</v>
      </c>
      <c r="AA32" s="930">
        <v>173663</v>
      </c>
      <c r="AB32" s="931">
        <v>83.7</v>
      </c>
      <c r="AC32" s="930">
        <v>93930</v>
      </c>
      <c r="AD32" s="932">
        <v>85.1</v>
      </c>
      <c r="AE32" s="930">
        <v>79733</v>
      </c>
      <c r="AF32" s="931">
        <v>82.1</v>
      </c>
    </row>
    <row r="33" spans="1:32" s="319" customFormat="1" ht="22.5" customHeight="1" thickBot="1">
      <c r="A33" s="556">
        <v>926256</v>
      </c>
      <c r="B33" s="321" t="s">
        <v>446</v>
      </c>
      <c r="C33" s="958">
        <v>-33570</v>
      </c>
      <c r="D33" s="959">
        <v>-17617</v>
      </c>
      <c r="E33" s="958">
        <v>-15953</v>
      </c>
      <c r="F33" s="940">
        <v>-32827</v>
      </c>
      <c r="G33" s="959">
        <v>-16889</v>
      </c>
      <c r="H33" s="958">
        <v>-15938</v>
      </c>
      <c r="I33" s="960" t="s">
        <v>70</v>
      </c>
      <c r="J33" s="961" t="s">
        <v>70</v>
      </c>
      <c r="K33" s="961" t="s">
        <v>70</v>
      </c>
      <c r="L33" s="940">
        <v>32827</v>
      </c>
      <c r="M33" s="941">
        <v>90.4</v>
      </c>
      <c r="N33" s="940">
        <v>16889</v>
      </c>
      <c r="O33" s="942">
        <v>88.1</v>
      </c>
      <c r="P33" s="958">
        <v>15938</v>
      </c>
      <c r="Q33" s="942">
        <v>92.9</v>
      </c>
      <c r="R33" s="958">
        <v>-743</v>
      </c>
      <c r="S33" s="959">
        <v>-728</v>
      </c>
      <c r="T33" s="958">
        <v>-15</v>
      </c>
      <c r="U33" s="940">
        <v>13427</v>
      </c>
      <c r="V33" s="941">
        <v>6.3</v>
      </c>
      <c r="W33" s="940">
        <v>5725</v>
      </c>
      <c r="X33" s="942">
        <v>5.0999999999999996</v>
      </c>
      <c r="Y33" s="940">
        <v>7702</v>
      </c>
      <c r="Z33" s="942">
        <v>7.6</v>
      </c>
      <c r="AA33" s="940">
        <v>14170</v>
      </c>
      <c r="AB33" s="941">
        <v>6.8</v>
      </c>
      <c r="AC33" s="940">
        <v>6453</v>
      </c>
      <c r="AD33" s="942">
        <v>5.8</v>
      </c>
      <c r="AE33" s="940">
        <v>7717</v>
      </c>
      <c r="AF33" s="941">
        <v>7.9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73</v>
      </c>
    </row>
    <row r="37" spans="1:32" s="322" customFormat="1" ht="18" customHeight="1">
      <c r="A37" s="962" t="s">
        <v>574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75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576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F1" s="546" t="s">
        <v>576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545</v>
      </c>
      <c r="G5" s="1141"/>
      <c r="H5" s="1142"/>
      <c r="I5" s="1140" t="s">
        <v>502</v>
      </c>
      <c r="J5" s="1141"/>
      <c r="K5" s="1142"/>
      <c r="L5" s="1140" t="s">
        <v>503</v>
      </c>
      <c r="M5" s="1141"/>
      <c r="N5" s="1141"/>
      <c r="O5" s="1141"/>
      <c r="P5" s="1141"/>
      <c r="Q5" s="1142"/>
      <c r="R5" s="1140" t="s">
        <v>546</v>
      </c>
      <c r="S5" s="1141"/>
      <c r="T5" s="1142"/>
      <c r="U5" s="1140" t="s">
        <v>419</v>
      </c>
      <c r="V5" s="1141"/>
      <c r="W5" s="1141"/>
      <c r="X5" s="1141"/>
      <c r="Y5" s="1141"/>
      <c r="Z5" s="1142"/>
      <c r="AA5" s="1140" t="s">
        <v>547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48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7</v>
      </c>
      <c r="N7" s="537" t="s">
        <v>189</v>
      </c>
      <c r="O7" s="1009" t="s">
        <v>516</v>
      </c>
      <c r="P7" s="770" t="s">
        <v>189</v>
      </c>
      <c r="Q7" s="87" t="s">
        <v>516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6</v>
      </c>
      <c r="W7" s="537" t="s">
        <v>189</v>
      </c>
      <c r="X7" s="87" t="s">
        <v>516</v>
      </c>
      <c r="Y7" s="537" t="s">
        <v>189</v>
      </c>
      <c r="Z7" s="87" t="s">
        <v>516</v>
      </c>
      <c r="AA7" s="537" t="s">
        <v>189</v>
      </c>
      <c r="AB7" s="87" t="s">
        <v>517</v>
      </c>
      <c r="AC7" s="537" t="s">
        <v>189</v>
      </c>
      <c r="AD7" s="87" t="s">
        <v>516</v>
      </c>
      <c r="AE7" s="537" t="s">
        <v>189</v>
      </c>
      <c r="AF7" s="87" t="s">
        <v>516</v>
      </c>
    </row>
    <row r="8" spans="1:36" s="547" customFormat="1" ht="22.5" customHeight="1">
      <c r="A8" s="551">
        <v>1538825</v>
      </c>
      <c r="B8" s="312" t="s">
        <v>191</v>
      </c>
      <c r="C8" s="923">
        <v>692</v>
      </c>
      <c r="D8" s="924">
        <v>-599</v>
      </c>
      <c r="E8" s="923">
        <v>1291</v>
      </c>
      <c r="F8" s="925">
        <v>-156</v>
      </c>
      <c r="G8" s="924">
        <v>-483</v>
      </c>
      <c r="H8" s="923">
        <v>327</v>
      </c>
      <c r="I8" s="925">
        <v>12279</v>
      </c>
      <c r="J8" s="924">
        <v>6291</v>
      </c>
      <c r="K8" s="924">
        <v>5988</v>
      </c>
      <c r="L8" s="925">
        <v>12435</v>
      </c>
      <c r="M8" s="313" t="s">
        <v>549</v>
      </c>
      <c r="N8" s="925">
        <v>6774</v>
      </c>
      <c r="O8" s="1010" t="s">
        <v>519</v>
      </c>
      <c r="P8" s="923">
        <v>5661</v>
      </c>
      <c r="Q8" s="313" t="s">
        <v>519</v>
      </c>
      <c r="R8" s="924">
        <v>848</v>
      </c>
      <c r="S8" s="924">
        <v>-116</v>
      </c>
      <c r="T8" s="923">
        <v>964</v>
      </c>
      <c r="U8" s="925">
        <v>102481</v>
      </c>
      <c r="V8" s="313" t="s">
        <v>519</v>
      </c>
      <c r="W8" s="925">
        <v>54388</v>
      </c>
      <c r="X8" s="313" t="s">
        <v>519</v>
      </c>
      <c r="Y8" s="925">
        <v>48093</v>
      </c>
      <c r="Z8" s="313" t="s">
        <v>519</v>
      </c>
      <c r="AA8" s="925">
        <v>101633</v>
      </c>
      <c r="AB8" s="313" t="s">
        <v>519</v>
      </c>
      <c r="AC8" s="925">
        <v>54504</v>
      </c>
      <c r="AD8" s="313" t="s">
        <v>519</v>
      </c>
      <c r="AE8" s="925">
        <v>47129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60875</v>
      </c>
      <c r="B10" s="342" t="s">
        <v>577</v>
      </c>
      <c r="C10" s="945">
        <v>10367</v>
      </c>
      <c r="D10" s="946">
        <v>5272</v>
      </c>
      <c r="E10" s="945">
        <v>5095</v>
      </c>
      <c r="F10" s="930">
        <v>12256</v>
      </c>
      <c r="G10" s="946">
        <v>6282</v>
      </c>
      <c r="H10" s="945">
        <v>5974</v>
      </c>
      <c r="I10" s="947">
        <v>12279</v>
      </c>
      <c r="J10" s="946">
        <v>6291</v>
      </c>
      <c r="K10" s="946">
        <v>5988</v>
      </c>
      <c r="L10" s="936">
        <v>23</v>
      </c>
      <c r="M10" s="931">
        <v>0.2</v>
      </c>
      <c r="N10" s="936">
        <v>9</v>
      </c>
      <c r="O10" s="932">
        <v>0.1</v>
      </c>
      <c r="P10" s="952">
        <v>14</v>
      </c>
      <c r="Q10" s="932">
        <v>0.2</v>
      </c>
      <c r="R10" s="945">
        <v>-1889</v>
      </c>
      <c r="S10" s="946">
        <v>-1010</v>
      </c>
      <c r="T10" s="945">
        <v>-879</v>
      </c>
      <c r="U10" s="930">
        <v>3877</v>
      </c>
      <c r="V10" s="931">
        <v>3.8</v>
      </c>
      <c r="W10" s="936">
        <v>1950</v>
      </c>
      <c r="X10" s="932">
        <v>3.6</v>
      </c>
      <c r="Y10" s="936">
        <v>1927</v>
      </c>
      <c r="Z10" s="932">
        <v>4</v>
      </c>
      <c r="AA10" s="930">
        <v>5766</v>
      </c>
      <c r="AB10" s="931">
        <v>5.7</v>
      </c>
      <c r="AC10" s="936">
        <v>2960</v>
      </c>
      <c r="AD10" s="932">
        <v>5.4</v>
      </c>
      <c r="AE10" s="945">
        <v>2806</v>
      </c>
      <c r="AF10" s="931">
        <v>6</v>
      </c>
    </row>
    <row r="11" spans="1:36" s="319" customFormat="1" ht="22.5" customHeight="1">
      <c r="A11" s="341">
        <v>63249</v>
      </c>
      <c r="B11" s="343" t="s">
        <v>578</v>
      </c>
      <c r="C11" s="945">
        <v>-777</v>
      </c>
      <c r="D11" s="946">
        <v>-395</v>
      </c>
      <c r="E11" s="945">
        <v>-382</v>
      </c>
      <c r="F11" s="930">
        <v>-5</v>
      </c>
      <c r="G11" s="946">
        <v>-3</v>
      </c>
      <c r="H11" s="945">
        <v>-2</v>
      </c>
      <c r="I11" s="948" t="s">
        <v>70</v>
      </c>
      <c r="J11" s="949" t="s">
        <v>579</v>
      </c>
      <c r="K11" s="949" t="s">
        <v>70</v>
      </c>
      <c r="L11" s="930">
        <v>5</v>
      </c>
      <c r="M11" s="931">
        <v>0</v>
      </c>
      <c r="N11" s="930">
        <v>3</v>
      </c>
      <c r="O11" s="932">
        <v>0</v>
      </c>
      <c r="P11" s="945">
        <v>2</v>
      </c>
      <c r="Q11" s="932">
        <v>0</v>
      </c>
      <c r="R11" s="945">
        <v>-772</v>
      </c>
      <c r="S11" s="946">
        <v>-392</v>
      </c>
      <c r="T11" s="945">
        <v>-380</v>
      </c>
      <c r="U11" s="930">
        <v>1914</v>
      </c>
      <c r="V11" s="931">
        <v>1.9</v>
      </c>
      <c r="W11" s="930">
        <v>959</v>
      </c>
      <c r="X11" s="932">
        <v>1.8</v>
      </c>
      <c r="Y11" s="930">
        <v>955</v>
      </c>
      <c r="Z11" s="932">
        <v>2</v>
      </c>
      <c r="AA11" s="930">
        <v>2686</v>
      </c>
      <c r="AB11" s="931">
        <v>2.6</v>
      </c>
      <c r="AC11" s="930">
        <v>1351</v>
      </c>
      <c r="AD11" s="932">
        <v>2.5</v>
      </c>
      <c r="AE11" s="945">
        <v>1335</v>
      </c>
      <c r="AF11" s="931">
        <v>2.8</v>
      </c>
    </row>
    <row r="12" spans="1:36" s="319" customFormat="1" ht="22.5" customHeight="1">
      <c r="A12" s="341">
        <v>62162</v>
      </c>
      <c r="B12" s="343" t="s">
        <v>580</v>
      </c>
      <c r="C12" s="945">
        <v>-204</v>
      </c>
      <c r="D12" s="946">
        <v>-155</v>
      </c>
      <c r="E12" s="945">
        <v>-49</v>
      </c>
      <c r="F12" s="930">
        <v>-7</v>
      </c>
      <c r="G12" s="946">
        <v>-4</v>
      </c>
      <c r="H12" s="945">
        <v>-3</v>
      </c>
      <c r="I12" s="948" t="s">
        <v>579</v>
      </c>
      <c r="J12" s="949" t="s">
        <v>70</v>
      </c>
      <c r="K12" s="949" t="s">
        <v>70</v>
      </c>
      <c r="L12" s="930">
        <v>7</v>
      </c>
      <c r="M12" s="931">
        <v>0.1</v>
      </c>
      <c r="N12" s="930">
        <v>4</v>
      </c>
      <c r="O12" s="932">
        <v>0.1</v>
      </c>
      <c r="P12" s="945">
        <v>3</v>
      </c>
      <c r="Q12" s="932">
        <v>0.1</v>
      </c>
      <c r="R12" s="945">
        <v>-197</v>
      </c>
      <c r="S12" s="946">
        <v>-151</v>
      </c>
      <c r="T12" s="945">
        <v>-46</v>
      </c>
      <c r="U12" s="930">
        <v>1032</v>
      </c>
      <c r="V12" s="931">
        <v>1</v>
      </c>
      <c r="W12" s="930">
        <v>514</v>
      </c>
      <c r="X12" s="932">
        <v>0.9</v>
      </c>
      <c r="Y12" s="930">
        <v>518</v>
      </c>
      <c r="Z12" s="932">
        <v>1.1000000000000001</v>
      </c>
      <c r="AA12" s="930">
        <v>1229</v>
      </c>
      <c r="AB12" s="931">
        <v>1.2</v>
      </c>
      <c r="AC12" s="930">
        <v>665</v>
      </c>
      <c r="AD12" s="932">
        <v>1.2</v>
      </c>
      <c r="AE12" s="945">
        <v>564</v>
      </c>
      <c r="AF12" s="931">
        <v>1.2</v>
      </c>
    </row>
    <row r="13" spans="1:36" s="319" customFormat="1" ht="22.5" customHeight="1">
      <c r="A13" s="341">
        <v>61512</v>
      </c>
      <c r="B13" s="343" t="s">
        <v>426</v>
      </c>
      <c r="C13" s="945">
        <v>1133</v>
      </c>
      <c r="D13" s="946">
        <v>678</v>
      </c>
      <c r="E13" s="945">
        <v>455</v>
      </c>
      <c r="F13" s="930">
        <v>-11</v>
      </c>
      <c r="G13" s="946">
        <v>-9</v>
      </c>
      <c r="H13" s="945">
        <v>-2</v>
      </c>
      <c r="I13" s="948" t="s">
        <v>70</v>
      </c>
      <c r="J13" s="949" t="s">
        <v>70</v>
      </c>
      <c r="K13" s="949" t="s">
        <v>70</v>
      </c>
      <c r="L13" s="930">
        <v>11</v>
      </c>
      <c r="M13" s="931">
        <v>0.1</v>
      </c>
      <c r="N13" s="930">
        <v>9</v>
      </c>
      <c r="O13" s="932">
        <v>0.1</v>
      </c>
      <c r="P13" s="945">
        <v>2</v>
      </c>
      <c r="Q13" s="932">
        <v>0</v>
      </c>
      <c r="R13" s="945">
        <v>1144</v>
      </c>
      <c r="S13" s="946">
        <v>687</v>
      </c>
      <c r="T13" s="945">
        <v>457</v>
      </c>
      <c r="U13" s="930">
        <v>2896</v>
      </c>
      <c r="V13" s="931">
        <v>2.8</v>
      </c>
      <c r="W13" s="930">
        <v>1555</v>
      </c>
      <c r="X13" s="932">
        <v>2.9</v>
      </c>
      <c r="Y13" s="930">
        <v>1341</v>
      </c>
      <c r="Z13" s="932">
        <v>2.8</v>
      </c>
      <c r="AA13" s="930">
        <v>1752</v>
      </c>
      <c r="AB13" s="931">
        <v>1.7</v>
      </c>
      <c r="AC13" s="930">
        <v>868</v>
      </c>
      <c r="AD13" s="932">
        <v>1.6</v>
      </c>
      <c r="AE13" s="945">
        <v>884</v>
      </c>
      <c r="AF13" s="931">
        <v>1.9</v>
      </c>
    </row>
    <row r="14" spans="1:36" s="319" customFormat="1" ht="22.5" customHeight="1">
      <c r="A14" s="324">
        <v>91038</v>
      </c>
      <c r="B14" s="344" t="s">
        <v>451</v>
      </c>
      <c r="C14" s="943">
        <v>6857</v>
      </c>
      <c r="D14" s="944">
        <v>3287</v>
      </c>
      <c r="E14" s="943">
        <v>3570</v>
      </c>
      <c r="F14" s="934">
        <v>-23</v>
      </c>
      <c r="G14" s="944">
        <v>-15</v>
      </c>
      <c r="H14" s="943">
        <v>-8</v>
      </c>
      <c r="I14" s="950" t="s">
        <v>70</v>
      </c>
      <c r="J14" s="951" t="s">
        <v>70</v>
      </c>
      <c r="K14" s="951" t="s">
        <v>70</v>
      </c>
      <c r="L14" s="930">
        <v>23</v>
      </c>
      <c r="M14" s="933">
        <v>0.2</v>
      </c>
      <c r="N14" s="934">
        <v>15</v>
      </c>
      <c r="O14" s="935">
        <v>0.2</v>
      </c>
      <c r="P14" s="943">
        <v>8</v>
      </c>
      <c r="Q14" s="935">
        <v>0.1</v>
      </c>
      <c r="R14" s="963">
        <v>6880</v>
      </c>
      <c r="S14" s="944">
        <v>3302</v>
      </c>
      <c r="T14" s="943">
        <v>3578</v>
      </c>
      <c r="U14" s="930">
        <v>20071</v>
      </c>
      <c r="V14" s="933">
        <v>19.600000000000001</v>
      </c>
      <c r="W14" s="934">
        <v>10174</v>
      </c>
      <c r="X14" s="935">
        <v>18.7</v>
      </c>
      <c r="Y14" s="934">
        <v>9897</v>
      </c>
      <c r="Z14" s="935">
        <v>20.6</v>
      </c>
      <c r="AA14" s="934">
        <v>13191</v>
      </c>
      <c r="AB14" s="933">
        <v>13</v>
      </c>
      <c r="AC14" s="930">
        <v>6872</v>
      </c>
      <c r="AD14" s="935">
        <v>12.6</v>
      </c>
      <c r="AE14" s="943">
        <v>6319</v>
      </c>
      <c r="AF14" s="933">
        <v>13.4</v>
      </c>
    </row>
    <row r="15" spans="1:36" s="319" customFormat="1" ht="22.5" customHeight="1">
      <c r="A15" s="341">
        <v>105904</v>
      </c>
      <c r="B15" s="343" t="s">
        <v>581</v>
      </c>
      <c r="C15" s="945">
        <v>2863</v>
      </c>
      <c r="D15" s="946">
        <v>1534</v>
      </c>
      <c r="E15" s="945">
        <v>1329</v>
      </c>
      <c r="F15" s="930">
        <v>-22</v>
      </c>
      <c r="G15" s="946">
        <v>-13</v>
      </c>
      <c r="H15" s="945">
        <v>-9</v>
      </c>
      <c r="I15" s="948" t="s">
        <v>70</v>
      </c>
      <c r="J15" s="949" t="s">
        <v>70</v>
      </c>
      <c r="K15" s="949" t="s">
        <v>70</v>
      </c>
      <c r="L15" s="936">
        <v>22</v>
      </c>
      <c r="M15" s="931">
        <v>0.2</v>
      </c>
      <c r="N15" s="930">
        <v>13</v>
      </c>
      <c r="O15" s="932">
        <v>0.2</v>
      </c>
      <c r="P15" s="945">
        <v>9</v>
      </c>
      <c r="Q15" s="932">
        <v>0.2</v>
      </c>
      <c r="R15" s="945">
        <v>2885</v>
      </c>
      <c r="S15" s="946">
        <v>1547</v>
      </c>
      <c r="T15" s="945">
        <v>1338</v>
      </c>
      <c r="U15" s="936">
        <v>27147</v>
      </c>
      <c r="V15" s="931">
        <v>26.5</v>
      </c>
      <c r="W15" s="930">
        <v>14237</v>
      </c>
      <c r="X15" s="932">
        <v>26.2</v>
      </c>
      <c r="Y15" s="930">
        <v>12910</v>
      </c>
      <c r="Z15" s="932">
        <v>26.8</v>
      </c>
      <c r="AA15" s="930">
        <v>24262</v>
      </c>
      <c r="AB15" s="931">
        <v>23.9</v>
      </c>
      <c r="AC15" s="936">
        <v>12690</v>
      </c>
      <c r="AD15" s="932">
        <v>23.3</v>
      </c>
      <c r="AE15" s="945">
        <v>11572</v>
      </c>
      <c r="AF15" s="931">
        <v>24.6</v>
      </c>
    </row>
    <row r="16" spans="1:36" s="319" customFormat="1" ht="22.5" customHeight="1">
      <c r="A16" s="341">
        <v>101516</v>
      </c>
      <c r="B16" s="343" t="s">
        <v>453</v>
      </c>
      <c r="C16" s="945">
        <v>-1558</v>
      </c>
      <c r="D16" s="946">
        <v>-830</v>
      </c>
      <c r="E16" s="945">
        <v>-728</v>
      </c>
      <c r="F16" s="930">
        <v>-34</v>
      </c>
      <c r="G16" s="946">
        <v>-26</v>
      </c>
      <c r="H16" s="945">
        <v>-8</v>
      </c>
      <c r="I16" s="948" t="s">
        <v>70</v>
      </c>
      <c r="J16" s="949" t="s">
        <v>70</v>
      </c>
      <c r="K16" s="949" t="s">
        <v>70</v>
      </c>
      <c r="L16" s="930">
        <v>34</v>
      </c>
      <c r="M16" s="931">
        <v>0.3</v>
      </c>
      <c r="N16" s="930">
        <v>26</v>
      </c>
      <c r="O16" s="932">
        <v>0.4</v>
      </c>
      <c r="P16" s="945">
        <v>8</v>
      </c>
      <c r="Q16" s="932">
        <v>0.1</v>
      </c>
      <c r="R16" s="945">
        <v>-1524</v>
      </c>
      <c r="S16" s="946">
        <v>-804</v>
      </c>
      <c r="T16" s="945">
        <v>-720</v>
      </c>
      <c r="U16" s="930">
        <v>15710</v>
      </c>
      <c r="V16" s="931">
        <v>15.3</v>
      </c>
      <c r="W16" s="930">
        <v>8438</v>
      </c>
      <c r="X16" s="932">
        <v>15.5</v>
      </c>
      <c r="Y16" s="930">
        <v>7272</v>
      </c>
      <c r="Z16" s="932">
        <v>15.1</v>
      </c>
      <c r="AA16" s="930">
        <v>17234</v>
      </c>
      <c r="AB16" s="931">
        <v>17</v>
      </c>
      <c r="AC16" s="930">
        <v>9242</v>
      </c>
      <c r="AD16" s="932">
        <v>17</v>
      </c>
      <c r="AE16" s="945">
        <v>7992</v>
      </c>
      <c r="AF16" s="931">
        <v>17</v>
      </c>
    </row>
    <row r="17" spans="1:32" s="319" customFormat="1" ht="22.5" customHeight="1">
      <c r="A17" s="341">
        <v>107326</v>
      </c>
      <c r="B17" s="343" t="s">
        <v>430</v>
      </c>
      <c r="C17" s="945">
        <v>-1761</v>
      </c>
      <c r="D17" s="946">
        <v>-889</v>
      </c>
      <c r="E17" s="945">
        <v>-872</v>
      </c>
      <c r="F17" s="930">
        <v>-68</v>
      </c>
      <c r="G17" s="946">
        <v>-40</v>
      </c>
      <c r="H17" s="945">
        <v>-28</v>
      </c>
      <c r="I17" s="948" t="s">
        <v>70</v>
      </c>
      <c r="J17" s="949" t="s">
        <v>70</v>
      </c>
      <c r="K17" s="949" t="s">
        <v>70</v>
      </c>
      <c r="L17" s="930">
        <v>68</v>
      </c>
      <c r="M17" s="931">
        <v>0.5</v>
      </c>
      <c r="N17" s="930">
        <v>40</v>
      </c>
      <c r="O17" s="932">
        <v>0.6</v>
      </c>
      <c r="P17" s="945">
        <v>28</v>
      </c>
      <c r="Q17" s="932">
        <v>0.5</v>
      </c>
      <c r="R17" s="945">
        <v>-1693</v>
      </c>
      <c r="S17" s="946">
        <v>-849</v>
      </c>
      <c r="T17" s="945">
        <v>-844</v>
      </c>
      <c r="U17" s="930">
        <v>9020</v>
      </c>
      <c r="V17" s="931">
        <v>8.8000000000000007</v>
      </c>
      <c r="W17" s="930">
        <v>5143</v>
      </c>
      <c r="X17" s="932">
        <v>9.5</v>
      </c>
      <c r="Y17" s="930">
        <v>3877</v>
      </c>
      <c r="Z17" s="932">
        <v>8.1</v>
      </c>
      <c r="AA17" s="930">
        <v>10713</v>
      </c>
      <c r="AB17" s="931">
        <v>10.5</v>
      </c>
      <c r="AC17" s="930">
        <v>5992</v>
      </c>
      <c r="AD17" s="932">
        <v>11</v>
      </c>
      <c r="AE17" s="945">
        <v>4721</v>
      </c>
      <c r="AF17" s="931">
        <v>10</v>
      </c>
    </row>
    <row r="18" spans="1:32" s="319" customFormat="1" ht="22.5" customHeight="1">
      <c r="A18" s="341">
        <v>112132</v>
      </c>
      <c r="B18" s="343" t="s">
        <v>431</v>
      </c>
      <c r="C18" s="945">
        <v>-1098</v>
      </c>
      <c r="D18" s="946">
        <v>-606</v>
      </c>
      <c r="E18" s="945">
        <v>-492</v>
      </c>
      <c r="F18" s="930">
        <v>-86</v>
      </c>
      <c r="G18" s="946">
        <v>-53</v>
      </c>
      <c r="H18" s="945">
        <v>-33</v>
      </c>
      <c r="I18" s="948" t="s">
        <v>70</v>
      </c>
      <c r="J18" s="949" t="s">
        <v>70</v>
      </c>
      <c r="K18" s="949" t="s">
        <v>70</v>
      </c>
      <c r="L18" s="930">
        <v>86</v>
      </c>
      <c r="M18" s="931">
        <v>0.7</v>
      </c>
      <c r="N18" s="930">
        <v>53</v>
      </c>
      <c r="O18" s="932">
        <v>0.8</v>
      </c>
      <c r="P18" s="945">
        <v>33</v>
      </c>
      <c r="Q18" s="932">
        <v>0.6</v>
      </c>
      <c r="R18" s="945">
        <v>-1012</v>
      </c>
      <c r="S18" s="946">
        <v>-553</v>
      </c>
      <c r="T18" s="945">
        <v>-459</v>
      </c>
      <c r="U18" s="930">
        <v>5318</v>
      </c>
      <c r="V18" s="931">
        <v>5.2</v>
      </c>
      <c r="W18" s="930">
        <v>3084</v>
      </c>
      <c r="X18" s="932">
        <v>5.7</v>
      </c>
      <c r="Y18" s="930">
        <v>2234</v>
      </c>
      <c r="Z18" s="932">
        <v>4.5999999999999996</v>
      </c>
      <c r="AA18" s="930">
        <v>6330</v>
      </c>
      <c r="AB18" s="931">
        <v>6.2</v>
      </c>
      <c r="AC18" s="930">
        <v>3637</v>
      </c>
      <c r="AD18" s="932">
        <v>6.7</v>
      </c>
      <c r="AE18" s="945">
        <v>2693</v>
      </c>
      <c r="AF18" s="931">
        <v>5.7</v>
      </c>
    </row>
    <row r="19" spans="1:32" s="319" customFormat="1" ht="22.5" customHeight="1">
      <c r="A19" s="324">
        <v>127087</v>
      </c>
      <c r="B19" s="344" t="s">
        <v>432</v>
      </c>
      <c r="C19" s="943">
        <v>-950</v>
      </c>
      <c r="D19" s="944">
        <v>-654</v>
      </c>
      <c r="E19" s="943">
        <v>-296</v>
      </c>
      <c r="F19" s="934">
        <v>-151</v>
      </c>
      <c r="G19" s="944">
        <v>-106</v>
      </c>
      <c r="H19" s="943">
        <v>-45</v>
      </c>
      <c r="I19" s="950" t="s">
        <v>70</v>
      </c>
      <c r="J19" s="951" t="s">
        <v>70</v>
      </c>
      <c r="K19" s="951" t="s">
        <v>70</v>
      </c>
      <c r="L19" s="930">
        <v>151</v>
      </c>
      <c r="M19" s="933">
        <v>1.2</v>
      </c>
      <c r="N19" s="934">
        <v>106</v>
      </c>
      <c r="O19" s="935">
        <v>1.6</v>
      </c>
      <c r="P19" s="945">
        <v>45</v>
      </c>
      <c r="Q19" s="935">
        <v>0.8</v>
      </c>
      <c r="R19" s="943">
        <v>-799</v>
      </c>
      <c r="S19" s="944">
        <v>-548</v>
      </c>
      <c r="T19" s="943">
        <v>-251</v>
      </c>
      <c r="U19" s="930">
        <v>3829</v>
      </c>
      <c r="V19" s="933">
        <v>3.7</v>
      </c>
      <c r="W19" s="934">
        <v>2182</v>
      </c>
      <c r="X19" s="935">
        <v>4</v>
      </c>
      <c r="Y19" s="934">
        <v>1647</v>
      </c>
      <c r="Z19" s="935">
        <v>3.4</v>
      </c>
      <c r="AA19" s="934">
        <v>4628</v>
      </c>
      <c r="AB19" s="933">
        <v>4.5999999999999996</v>
      </c>
      <c r="AC19" s="930">
        <v>2730</v>
      </c>
      <c r="AD19" s="935">
        <v>5</v>
      </c>
      <c r="AE19" s="943">
        <v>1898</v>
      </c>
      <c r="AF19" s="933">
        <v>4</v>
      </c>
    </row>
    <row r="20" spans="1:32" s="319" customFormat="1" ht="22.5" customHeight="1">
      <c r="A20" s="341">
        <v>124549</v>
      </c>
      <c r="B20" s="343" t="s">
        <v>532</v>
      </c>
      <c r="C20" s="945">
        <v>-829</v>
      </c>
      <c r="D20" s="946">
        <v>-486</v>
      </c>
      <c r="E20" s="945">
        <v>-343</v>
      </c>
      <c r="F20" s="930">
        <v>-254</v>
      </c>
      <c r="G20" s="946">
        <v>-162</v>
      </c>
      <c r="H20" s="945">
        <v>-92</v>
      </c>
      <c r="I20" s="948" t="s">
        <v>70</v>
      </c>
      <c r="J20" s="949" t="s">
        <v>70</v>
      </c>
      <c r="K20" s="949" t="s">
        <v>70</v>
      </c>
      <c r="L20" s="936">
        <v>254</v>
      </c>
      <c r="M20" s="931">
        <v>2</v>
      </c>
      <c r="N20" s="930">
        <v>162</v>
      </c>
      <c r="O20" s="932">
        <v>2.4</v>
      </c>
      <c r="P20" s="952">
        <v>92</v>
      </c>
      <c r="Q20" s="932">
        <v>1.6</v>
      </c>
      <c r="R20" s="945">
        <v>-575</v>
      </c>
      <c r="S20" s="946">
        <v>-324</v>
      </c>
      <c r="T20" s="945">
        <v>-251</v>
      </c>
      <c r="U20" s="936">
        <v>3305</v>
      </c>
      <c r="V20" s="931">
        <v>3.2</v>
      </c>
      <c r="W20" s="930">
        <v>1933</v>
      </c>
      <c r="X20" s="932">
        <v>3.6</v>
      </c>
      <c r="Y20" s="930">
        <v>1372</v>
      </c>
      <c r="Z20" s="932">
        <v>2.9</v>
      </c>
      <c r="AA20" s="930">
        <v>3880</v>
      </c>
      <c r="AB20" s="931">
        <v>3.8</v>
      </c>
      <c r="AC20" s="936">
        <v>2257</v>
      </c>
      <c r="AD20" s="932">
        <v>4.0999999999999996</v>
      </c>
      <c r="AE20" s="945">
        <v>1623</v>
      </c>
      <c r="AF20" s="931">
        <v>3.4</v>
      </c>
    </row>
    <row r="21" spans="1:32" s="319" customFormat="1" ht="22.5" customHeight="1">
      <c r="A21" s="341">
        <v>96537</v>
      </c>
      <c r="B21" s="343" t="s">
        <v>434</v>
      </c>
      <c r="C21" s="945">
        <v>-791</v>
      </c>
      <c r="D21" s="946">
        <v>-446</v>
      </c>
      <c r="E21" s="945">
        <v>-345</v>
      </c>
      <c r="F21" s="930">
        <v>-341</v>
      </c>
      <c r="G21" s="946">
        <v>-242</v>
      </c>
      <c r="H21" s="945">
        <v>-99</v>
      </c>
      <c r="I21" s="948" t="s">
        <v>70</v>
      </c>
      <c r="J21" s="949" t="s">
        <v>70</v>
      </c>
      <c r="K21" s="949" t="s">
        <v>70</v>
      </c>
      <c r="L21" s="930">
        <v>341</v>
      </c>
      <c r="M21" s="931">
        <v>2.7</v>
      </c>
      <c r="N21" s="930">
        <v>242</v>
      </c>
      <c r="O21" s="932">
        <v>3.6</v>
      </c>
      <c r="P21" s="945">
        <v>99</v>
      </c>
      <c r="Q21" s="932">
        <v>1.7</v>
      </c>
      <c r="R21" s="945">
        <v>-450</v>
      </c>
      <c r="S21" s="946">
        <v>-204</v>
      </c>
      <c r="T21" s="945">
        <v>-246</v>
      </c>
      <c r="U21" s="930">
        <v>2239</v>
      </c>
      <c r="V21" s="931">
        <v>2.2000000000000002</v>
      </c>
      <c r="W21" s="930">
        <v>1325</v>
      </c>
      <c r="X21" s="932">
        <v>2.4</v>
      </c>
      <c r="Y21" s="930">
        <v>914</v>
      </c>
      <c r="Z21" s="932">
        <v>1.9</v>
      </c>
      <c r="AA21" s="930">
        <v>2689</v>
      </c>
      <c r="AB21" s="931">
        <v>2.6</v>
      </c>
      <c r="AC21" s="930">
        <v>1529</v>
      </c>
      <c r="AD21" s="932">
        <v>2.8</v>
      </c>
      <c r="AE21" s="945">
        <v>1160</v>
      </c>
      <c r="AF21" s="931">
        <v>2.5</v>
      </c>
    </row>
    <row r="22" spans="1:32" s="319" customFormat="1" ht="22.5" customHeight="1">
      <c r="A22" s="341">
        <v>74889</v>
      </c>
      <c r="B22" s="343" t="s">
        <v>582</v>
      </c>
      <c r="C22" s="945">
        <v>-981</v>
      </c>
      <c r="D22" s="946">
        <v>-622</v>
      </c>
      <c r="E22" s="945">
        <v>-359</v>
      </c>
      <c r="F22" s="930">
        <v>-385</v>
      </c>
      <c r="G22" s="946">
        <v>-277</v>
      </c>
      <c r="H22" s="945">
        <v>-108</v>
      </c>
      <c r="I22" s="948" t="s">
        <v>70</v>
      </c>
      <c r="J22" s="949" t="s">
        <v>70</v>
      </c>
      <c r="K22" s="949" t="s">
        <v>70</v>
      </c>
      <c r="L22" s="930">
        <v>385</v>
      </c>
      <c r="M22" s="931">
        <v>3.1</v>
      </c>
      <c r="N22" s="930">
        <v>277</v>
      </c>
      <c r="O22" s="932">
        <v>4.0999999999999996</v>
      </c>
      <c r="P22" s="945">
        <v>108</v>
      </c>
      <c r="Q22" s="932">
        <v>1.9</v>
      </c>
      <c r="R22" s="945">
        <v>-596</v>
      </c>
      <c r="S22" s="946">
        <v>-345</v>
      </c>
      <c r="T22" s="945">
        <v>-251</v>
      </c>
      <c r="U22" s="930">
        <v>1494</v>
      </c>
      <c r="V22" s="931">
        <v>1.5</v>
      </c>
      <c r="W22" s="930">
        <v>908</v>
      </c>
      <c r="X22" s="932">
        <v>1.7</v>
      </c>
      <c r="Y22" s="930">
        <v>586</v>
      </c>
      <c r="Z22" s="932">
        <v>1.2</v>
      </c>
      <c r="AA22" s="930">
        <v>2090</v>
      </c>
      <c r="AB22" s="931">
        <v>2.1</v>
      </c>
      <c r="AC22" s="930">
        <v>1253</v>
      </c>
      <c r="AD22" s="932">
        <v>2.2999999999999998</v>
      </c>
      <c r="AE22" s="945">
        <v>837</v>
      </c>
      <c r="AF22" s="931">
        <v>1.8</v>
      </c>
    </row>
    <row r="23" spans="1:32" s="319" customFormat="1" ht="22.5" customHeight="1">
      <c r="A23" s="341">
        <v>67072</v>
      </c>
      <c r="B23" s="343" t="s">
        <v>436</v>
      </c>
      <c r="C23" s="945">
        <v>-1043</v>
      </c>
      <c r="D23" s="946">
        <v>-749</v>
      </c>
      <c r="E23" s="945">
        <v>-294</v>
      </c>
      <c r="F23" s="930">
        <v>-663</v>
      </c>
      <c r="G23" s="946">
        <v>-478</v>
      </c>
      <c r="H23" s="945">
        <v>-185</v>
      </c>
      <c r="I23" s="948" t="s">
        <v>70</v>
      </c>
      <c r="J23" s="949" t="s">
        <v>70</v>
      </c>
      <c r="K23" s="949" t="s">
        <v>70</v>
      </c>
      <c r="L23" s="930">
        <v>663</v>
      </c>
      <c r="M23" s="931">
        <v>5.3</v>
      </c>
      <c r="N23" s="930">
        <v>478</v>
      </c>
      <c r="O23" s="932">
        <v>7.1</v>
      </c>
      <c r="P23" s="945">
        <v>185</v>
      </c>
      <c r="Q23" s="932">
        <v>3.3</v>
      </c>
      <c r="R23" s="945">
        <v>-380</v>
      </c>
      <c r="S23" s="946">
        <v>-271</v>
      </c>
      <c r="T23" s="945">
        <v>-109</v>
      </c>
      <c r="U23" s="930">
        <v>944</v>
      </c>
      <c r="V23" s="931">
        <v>0.9</v>
      </c>
      <c r="W23" s="930">
        <v>529</v>
      </c>
      <c r="X23" s="932">
        <v>1</v>
      </c>
      <c r="Y23" s="930">
        <v>415</v>
      </c>
      <c r="Z23" s="932">
        <v>0.9</v>
      </c>
      <c r="AA23" s="930">
        <v>1324</v>
      </c>
      <c r="AB23" s="931">
        <v>1.3</v>
      </c>
      <c r="AC23" s="930">
        <v>800</v>
      </c>
      <c r="AD23" s="932">
        <v>1.5</v>
      </c>
      <c r="AE23" s="945">
        <v>524</v>
      </c>
      <c r="AF23" s="931">
        <v>1.1000000000000001</v>
      </c>
    </row>
    <row r="24" spans="1:32" s="319" customFormat="1" ht="22.5" customHeight="1">
      <c r="A24" s="324">
        <v>80226</v>
      </c>
      <c r="B24" s="343" t="s">
        <v>437</v>
      </c>
      <c r="C24" s="943">
        <v>-1455</v>
      </c>
      <c r="D24" s="944">
        <v>-983</v>
      </c>
      <c r="E24" s="943">
        <v>-472</v>
      </c>
      <c r="F24" s="934">
        <v>-1207</v>
      </c>
      <c r="G24" s="944">
        <v>-829</v>
      </c>
      <c r="H24" s="943">
        <v>-378</v>
      </c>
      <c r="I24" s="950" t="s">
        <v>70</v>
      </c>
      <c r="J24" s="951" t="s">
        <v>70</v>
      </c>
      <c r="K24" s="951" t="s">
        <v>70</v>
      </c>
      <c r="L24" s="934">
        <v>1207</v>
      </c>
      <c r="M24" s="933">
        <v>9.6999999999999993</v>
      </c>
      <c r="N24" s="934">
        <v>829</v>
      </c>
      <c r="O24" s="935">
        <v>12.2</v>
      </c>
      <c r="P24" s="943">
        <v>378</v>
      </c>
      <c r="Q24" s="935">
        <v>6.7</v>
      </c>
      <c r="R24" s="943">
        <v>-248</v>
      </c>
      <c r="S24" s="944">
        <v>-154</v>
      </c>
      <c r="T24" s="943">
        <v>-94</v>
      </c>
      <c r="U24" s="934">
        <v>1042</v>
      </c>
      <c r="V24" s="933">
        <v>1</v>
      </c>
      <c r="W24" s="934">
        <v>520</v>
      </c>
      <c r="X24" s="935">
        <v>1</v>
      </c>
      <c r="Y24" s="934">
        <v>522</v>
      </c>
      <c r="Z24" s="935">
        <v>1.1000000000000001</v>
      </c>
      <c r="AA24" s="930">
        <v>1290</v>
      </c>
      <c r="AB24" s="933">
        <v>1.3</v>
      </c>
      <c r="AC24" s="930">
        <v>674</v>
      </c>
      <c r="AD24" s="935">
        <v>1.2</v>
      </c>
      <c r="AE24" s="943">
        <v>616</v>
      </c>
      <c r="AF24" s="933">
        <v>1.3</v>
      </c>
    </row>
    <row r="25" spans="1:32" s="319" customFormat="1" ht="22.5" customHeight="1">
      <c r="A25" s="341">
        <v>57651</v>
      </c>
      <c r="B25" s="553" t="s">
        <v>583</v>
      </c>
      <c r="C25" s="945">
        <v>-1492</v>
      </c>
      <c r="D25" s="946">
        <v>-973</v>
      </c>
      <c r="E25" s="945">
        <v>-519</v>
      </c>
      <c r="F25" s="930">
        <v>-1439</v>
      </c>
      <c r="G25" s="946">
        <v>-946</v>
      </c>
      <c r="H25" s="945">
        <v>-493</v>
      </c>
      <c r="I25" s="948" t="s">
        <v>70</v>
      </c>
      <c r="J25" s="949" t="s">
        <v>70</v>
      </c>
      <c r="K25" s="949" t="s">
        <v>70</v>
      </c>
      <c r="L25" s="936">
        <v>1439</v>
      </c>
      <c r="M25" s="931">
        <v>11.6</v>
      </c>
      <c r="N25" s="930">
        <v>946</v>
      </c>
      <c r="O25" s="932">
        <v>14</v>
      </c>
      <c r="P25" s="945">
        <v>493</v>
      </c>
      <c r="Q25" s="932">
        <v>8.6999999999999993</v>
      </c>
      <c r="R25" s="945">
        <v>-53</v>
      </c>
      <c r="S25" s="946">
        <v>-27</v>
      </c>
      <c r="T25" s="945">
        <v>-26</v>
      </c>
      <c r="U25" s="930">
        <v>764</v>
      </c>
      <c r="V25" s="931">
        <v>0.7</v>
      </c>
      <c r="W25" s="930">
        <v>369</v>
      </c>
      <c r="X25" s="932">
        <v>0.7</v>
      </c>
      <c r="Y25" s="930">
        <v>395</v>
      </c>
      <c r="Z25" s="932">
        <v>0.8</v>
      </c>
      <c r="AA25" s="936">
        <v>817</v>
      </c>
      <c r="AB25" s="931">
        <v>0.8</v>
      </c>
      <c r="AC25" s="936">
        <v>396</v>
      </c>
      <c r="AD25" s="932">
        <v>0.7</v>
      </c>
      <c r="AE25" s="945">
        <v>421</v>
      </c>
      <c r="AF25" s="931">
        <v>0.9</v>
      </c>
    </row>
    <row r="26" spans="1:32" s="319" customFormat="1" ht="22.5" customHeight="1">
      <c r="A26" s="341">
        <v>47043</v>
      </c>
      <c r="B26" s="343" t="s">
        <v>584</v>
      </c>
      <c r="C26" s="945">
        <v>-1992</v>
      </c>
      <c r="D26" s="946">
        <v>-1259</v>
      </c>
      <c r="E26" s="945">
        <v>-733</v>
      </c>
      <c r="F26" s="930">
        <v>-1977</v>
      </c>
      <c r="G26" s="946">
        <v>-1222</v>
      </c>
      <c r="H26" s="945">
        <v>-755</v>
      </c>
      <c r="I26" s="948" t="s">
        <v>70</v>
      </c>
      <c r="J26" s="949" t="s">
        <v>70</v>
      </c>
      <c r="K26" s="949" t="s">
        <v>70</v>
      </c>
      <c r="L26" s="930">
        <v>1977</v>
      </c>
      <c r="M26" s="931">
        <v>15.9</v>
      </c>
      <c r="N26" s="930">
        <v>1222</v>
      </c>
      <c r="O26" s="932">
        <v>18</v>
      </c>
      <c r="P26" s="945">
        <v>755</v>
      </c>
      <c r="Q26" s="932">
        <v>13.3</v>
      </c>
      <c r="R26" s="945">
        <v>-15</v>
      </c>
      <c r="S26" s="946">
        <v>-37</v>
      </c>
      <c r="T26" s="945">
        <v>22</v>
      </c>
      <c r="U26" s="930">
        <v>743</v>
      </c>
      <c r="V26" s="931">
        <v>0.7</v>
      </c>
      <c r="W26" s="930">
        <v>266</v>
      </c>
      <c r="X26" s="932">
        <v>0.5</v>
      </c>
      <c r="Y26" s="930">
        <v>477</v>
      </c>
      <c r="Z26" s="932">
        <v>1</v>
      </c>
      <c r="AA26" s="930">
        <v>758</v>
      </c>
      <c r="AB26" s="931">
        <v>0.7</v>
      </c>
      <c r="AC26" s="930">
        <v>303</v>
      </c>
      <c r="AD26" s="932">
        <v>0.6</v>
      </c>
      <c r="AE26" s="945">
        <v>455</v>
      </c>
      <c r="AF26" s="931">
        <v>1</v>
      </c>
    </row>
    <row r="27" spans="1:32" s="319" customFormat="1" ht="22.5" customHeight="1">
      <c r="A27" s="341">
        <v>31767</v>
      </c>
      <c r="B27" s="343" t="s">
        <v>440</v>
      </c>
      <c r="C27" s="945">
        <v>-2301</v>
      </c>
      <c r="D27" s="946">
        <v>-1190</v>
      </c>
      <c r="E27" s="945">
        <v>-1111</v>
      </c>
      <c r="F27" s="930">
        <v>-2366</v>
      </c>
      <c r="G27" s="946">
        <v>-1193</v>
      </c>
      <c r="H27" s="945">
        <v>-1173</v>
      </c>
      <c r="I27" s="948" t="s">
        <v>70</v>
      </c>
      <c r="J27" s="949" t="s">
        <v>70</v>
      </c>
      <c r="K27" s="949" t="s">
        <v>70</v>
      </c>
      <c r="L27" s="930">
        <v>2366</v>
      </c>
      <c r="M27" s="931">
        <v>19</v>
      </c>
      <c r="N27" s="930">
        <v>1193</v>
      </c>
      <c r="O27" s="932">
        <v>17.600000000000001</v>
      </c>
      <c r="P27" s="945">
        <v>1173</v>
      </c>
      <c r="Q27" s="932">
        <v>20.7</v>
      </c>
      <c r="R27" s="945">
        <v>65</v>
      </c>
      <c r="S27" s="946">
        <v>3</v>
      </c>
      <c r="T27" s="945">
        <v>62</v>
      </c>
      <c r="U27" s="930">
        <v>667</v>
      </c>
      <c r="V27" s="931">
        <v>0.7</v>
      </c>
      <c r="W27" s="930">
        <v>198</v>
      </c>
      <c r="X27" s="932">
        <v>0.4</v>
      </c>
      <c r="Y27" s="930">
        <v>469</v>
      </c>
      <c r="Z27" s="932">
        <v>1</v>
      </c>
      <c r="AA27" s="930">
        <v>602</v>
      </c>
      <c r="AB27" s="931">
        <v>0.6</v>
      </c>
      <c r="AC27" s="930">
        <v>195</v>
      </c>
      <c r="AD27" s="932">
        <v>0.4</v>
      </c>
      <c r="AE27" s="945">
        <v>407</v>
      </c>
      <c r="AF27" s="931">
        <v>0.9</v>
      </c>
    </row>
    <row r="28" spans="1:32" s="319" customFormat="1" ht="22.5" customHeight="1">
      <c r="A28" s="341">
        <v>15230</v>
      </c>
      <c r="B28" s="343" t="s">
        <v>569</v>
      </c>
      <c r="C28" s="945">
        <v>-1917</v>
      </c>
      <c r="D28" s="946">
        <v>-760</v>
      </c>
      <c r="E28" s="945">
        <v>-1157</v>
      </c>
      <c r="F28" s="930">
        <v>-1979</v>
      </c>
      <c r="G28" s="946">
        <v>-771</v>
      </c>
      <c r="H28" s="945">
        <v>-1208</v>
      </c>
      <c r="I28" s="948" t="s">
        <v>70</v>
      </c>
      <c r="J28" s="949" t="s">
        <v>70</v>
      </c>
      <c r="K28" s="949" t="s">
        <v>70</v>
      </c>
      <c r="L28" s="930">
        <v>1979</v>
      </c>
      <c r="M28" s="931">
        <v>15.9</v>
      </c>
      <c r="N28" s="930">
        <v>771</v>
      </c>
      <c r="O28" s="932">
        <v>11.4</v>
      </c>
      <c r="P28" s="945">
        <v>1208</v>
      </c>
      <c r="Q28" s="932">
        <v>21.3</v>
      </c>
      <c r="R28" s="945">
        <v>62</v>
      </c>
      <c r="S28" s="946">
        <v>11</v>
      </c>
      <c r="T28" s="945">
        <v>51</v>
      </c>
      <c r="U28" s="930">
        <v>359</v>
      </c>
      <c r="V28" s="931">
        <v>0.4</v>
      </c>
      <c r="W28" s="930">
        <v>84</v>
      </c>
      <c r="X28" s="932">
        <v>0.2</v>
      </c>
      <c r="Y28" s="930">
        <v>275</v>
      </c>
      <c r="Z28" s="932">
        <v>0.6</v>
      </c>
      <c r="AA28" s="930">
        <v>297</v>
      </c>
      <c r="AB28" s="931">
        <v>0.3</v>
      </c>
      <c r="AC28" s="930">
        <v>73</v>
      </c>
      <c r="AD28" s="932">
        <v>0.1</v>
      </c>
      <c r="AE28" s="945">
        <v>224</v>
      </c>
      <c r="AF28" s="931">
        <v>0.5</v>
      </c>
    </row>
    <row r="29" spans="1:32" s="319" customFormat="1" ht="22.5" customHeight="1">
      <c r="A29" s="324">
        <v>4022</v>
      </c>
      <c r="B29" s="344" t="s">
        <v>585</v>
      </c>
      <c r="C29" s="943">
        <v>-1065</v>
      </c>
      <c r="D29" s="944">
        <v>-326</v>
      </c>
      <c r="E29" s="943">
        <v>-739</v>
      </c>
      <c r="F29" s="934">
        <v>-1075</v>
      </c>
      <c r="G29" s="944">
        <v>-330</v>
      </c>
      <c r="H29" s="943">
        <v>-745</v>
      </c>
      <c r="I29" s="950" t="s">
        <v>70</v>
      </c>
      <c r="J29" s="951" t="s">
        <v>70</v>
      </c>
      <c r="K29" s="951" t="s">
        <v>70</v>
      </c>
      <c r="L29" s="930">
        <v>1075</v>
      </c>
      <c r="M29" s="933">
        <v>8.6</v>
      </c>
      <c r="N29" s="934">
        <v>330</v>
      </c>
      <c r="O29" s="935">
        <v>4.9000000000000004</v>
      </c>
      <c r="P29" s="943">
        <v>745</v>
      </c>
      <c r="Q29" s="935">
        <v>13.2</v>
      </c>
      <c r="R29" s="943">
        <v>10</v>
      </c>
      <c r="S29" s="944">
        <v>4</v>
      </c>
      <c r="T29" s="943">
        <v>6</v>
      </c>
      <c r="U29" s="930">
        <v>95</v>
      </c>
      <c r="V29" s="933">
        <v>0.1</v>
      </c>
      <c r="W29" s="934">
        <v>19</v>
      </c>
      <c r="X29" s="935">
        <v>0</v>
      </c>
      <c r="Y29" s="934">
        <v>76</v>
      </c>
      <c r="Z29" s="935">
        <v>0.2</v>
      </c>
      <c r="AA29" s="934">
        <v>85</v>
      </c>
      <c r="AB29" s="933">
        <v>0.1</v>
      </c>
      <c r="AC29" s="934">
        <v>15</v>
      </c>
      <c r="AD29" s="935">
        <v>0</v>
      </c>
      <c r="AE29" s="943">
        <v>70</v>
      </c>
      <c r="AF29" s="933">
        <v>0.1</v>
      </c>
    </row>
    <row r="30" spans="1:32" s="319" customFormat="1" ht="22.5" customHeight="1">
      <c r="A30" s="554">
        <v>688</v>
      </c>
      <c r="B30" s="555" t="s">
        <v>586</v>
      </c>
      <c r="C30" s="953">
        <v>-314</v>
      </c>
      <c r="D30" s="954">
        <v>-47</v>
      </c>
      <c r="E30" s="937">
        <v>-267</v>
      </c>
      <c r="F30" s="937">
        <v>-319</v>
      </c>
      <c r="G30" s="954">
        <v>-46</v>
      </c>
      <c r="H30" s="955">
        <v>-273</v>
      </c>
      <c r="I30" s="956" t="s">
        <v>70</v>
      </c>
      <c r="J30" s="957" t="s">
        <v>70</v>
      </c>
      <c r="K30" s="957" t="s">
        <v>70</v>
      </c>
      <c r="L30" s="937">
        <v>319</v>
      </c>
      <c r="M30" s="938">
        <v>2.6</v>
      </c>
      <c r="N30" s="937">
        <v>46</v>
      </c>
      <c r="O30" s="939">
        <v>0.7</v>
      </c>
      <c r="P30" s="955">
        <v>273</v>
      </c>
      <c r="Q30" s="939">
        <v>4.8</v>
      </c>
      <c r="R30" s="955">
        <v>5</v>
      </c>
      <c r="S30" s="954">
        <v>-1</v>
      </c>
      <c r="T30" s="937">
        <v>6</v>
      </c>
      <c r="U30" s="937">
        <v>15</v>
      </c>
      <c r="V30" s="938">
        <v>0</v>
      </c>
      <c r="W30" s="937">
        <v>1</v>
      </c>
      <c r="X30" s="939">
        <v>0</v>
      </c>
      <c r="Y30" s="937">
        <v>14</v>
      </c>
      <c r="Z30" s="939">
        <v>0</v>
      </c>
      <c r="AA30" s="937">
        <v>10</v>
      </c>
      <c r="AB30" s="938">
        <v>0</v>
      </c>
      <c r="AC30" s="937">
        <v>2</v>
      </c>
      <c r="AD30" s="939">
        <v>0</v>
      </c>
      <c r="AE30" s="955">
        <v>8</v>
      </c>
      <c r="AF30" s="938">
        <v>0</v>
      </c>
    </row>
    <row r="31" spans="1:32" s="319" customFormat="1" ht="22.5" customHeight="1">
      <c r="A31" s="341">
        <v>186286</v>
      </c>
      <c r="B31" s="320" t="s">
        <v>537</v>
      </c>
      <c r="C31" s="945">
        <v>9386</v>
      </c>
      <c r="D31" s="946">
        <v>4722</v>
      </c>
      <c r="E31" s="945">
        <v>4664</v>
      </c>
      <c r="F31" s="930">
        <v>12244</v>
      </c>
      <c r="G31" s="946">
        <v>6275</v>
      </c>
      <c r="H31" s="945">
        <v>5969</v>
      </c>
      <c r="I31" s="930">
        <v>12279</v>
      </c>
      <c r="J31" s="946">
        <v>6291</v>
      </c>
      <c r="K31" s="946">
        <v>5988</v>
      </c>
      <c r="L31" s="930">
        <v>35</v>
      </c>
      <c r="M31" s="931">
        <v>0.3</v>
      </c>
      <c r="N31" s="930">
        <v>16</v>
      </c>
      <c r="O31" s="932">
        <v>0.2</v>
      </c>
      <c r="P31" s="945">
        <v>19</v>
      </c>
      <c r="Q31" s="932">
        <v>0.3</v>
      </c>
      <c r="R31" s="945">
        <v>-2858</v>
      </c>
      <c r="S31" s="946">
        <v>-1553</v>
      </c>
      <c r="T31" s="930">
        <v>-1305</v>
      </c>
      <c r="U31" s="930">
        <v>6823</v>
      </c>
      <c r="V31" s="931">
        <v>6.7</v>
      </c>
      <c r="W31" s="930">
        <v>3423</v>
      </c>
      <c r="X31" s="932">
        <v>6.3</v>
      </c>
      <c r="Y31" s="930">
        <v>3400</v>
      </c>
      <c r="Z31" s="932">
        <v>7.1</v>
      </c>
      <c r="AA31" s="930">
        <v>9681</v>
      </c>
      <c r="AB31" s="931">
        <v>9.5</v>
      </c>
      <c r="AC31" s="930">
        <v>4976</v>
      </c>
      <c r="AD31" s="932">
        <v>9.1</v>
      </c>
      <c r="AE31" s="930">
        <v>4705</v>
      </c>
      <c r="AF31" s="931">
        <v>10</v>
      </c>
    </row>
    <row r="32" spans="1:32" s="319" customFormat="1" ht="22.5" customHeight="1">
      <c r="A32" s="341">
        <v>1002490</v>
      </c>
      <c r="B32" s="320" t="s">
        <v>587</v>
      </c>
      <c r="C32" s="945">
        <v>2885</v>
      </c>
      <c r="D32" s="946">
        <v>966</v>
      </c>
      <c r="E32" s="945">
        <v>1919</v>
      </c>
      <c r="F32" s="930">
        <v>-1375</v>
      </c>
      <c r="G32" s="946">
        <v>-943</v>
      </c>
      <c r="H32" s="945">
        <v>-432</v>
      </c>
      <c r="I32" s="948" t="s">
        <v>70</v>
      </c>
      <c r="J32" s="949" t="s">
        <v>70</v>
      </c>
      <c r="K32" s="949" t="s">
        <v>70</v>
      </c>
      <c r="L32" s="930">
        <v>1375</v>
      </c>
      <c r="M32" s="931">
        <v>11.1</v>
      </c>
      <c r="N32" s="930">
        <v>943</v>
      </c>
      <c r="O32" s="932">
        <v>13.9</v>
      </c>
      <c r="P32" s="945">
        <v>432</v>
      </c>
      <c r="Q32" s="932">
        <v>7.6</v>
      </c>
      <c r="R32" s="945">
        <v>4260</v>
      </c>
      <c r="S32" s="946">
        <v>1909</v>
      </c>
      <c r="T32" s="945">
        <v>2351</v>
      </c>
      <c r="U32" s="930">
        <v>91029</v>
      </c>
      <c r="V32" s="931">
        <v>88.8</v>
      </c>
      <c r="W32" s="930">
        <v>48979</v>
      </c>
      <c r="X32" s="932">
        <v>90.1</v>
      </c>
      <c r="Y32" s="930">
        <v>42050</v>
      </c>
      <c r="Z32" s="932">
        <v>87.4</v>
      </c>
      <c r="AA32" s="930">
        <v>86769</v>
      </c>
      <c r="AB32" s="931">
        <v>85.4</v>
      </c>
      <c r="AC32" s="930">
        <v>47070</v>
      </c>
      <c r="AD32" s="932">
        <v>86.4</v>
      </c>
      <c r="AE32" s="930">
        <v>39699</v>
      </c>
      <c r="AF32" s="931">
        <v>84.2</v>
      </c>
    </row>
    <row r="33" spans="1:32" s="319" customFormat="1" ht="22.5" customHeight="1" thickBot="1">
      <c r="A33" s="556">
        <v>303699</v>
      </c>
      <c r="B33" s="321" t="s">
        <v>588</v>
      </c>
      <c r="C33" s="958">
        <v>-11579</v>
      </c>
      <c r="D33" s="959">
        <v>-6287</v>
      </c>
      <c r="E33" s="958">
        <v>-5292</v>
      </c>
      <c r="F33" s="940">
        <v>-11025</v>
      </c>
      <c r="G33" s="959">
        <v>-5815</v>
      </c>
      <c r="H33" s="958">
        <v>-5210</v>
      </c>
      <c r="I33" s="960" t="s">
        <v>70</v>
      </c>
      <c r="J33" s="961" t="s">
        <v>70</v>
      </c>
      <c r="K33" s="961" t="s">
        <v>70</v>
      </c>
      <c r="L33" s="940">
        <v>11025</v>
      </c>
      <c r="M33" s="941">
        <v>88.7</v>
      </c>
      <c r="N33" s="940">
        <v>5815</v>
      </c>
      <c r="O33" s="942">
        <v>85.8</v>
      </c>
      <c r="P33" s="958">
        <v>5210</v>
      </c>
      <c r="Q33" s="942">
        <v>92</v>
      </c>
      <c r="R33" s="958">
        <v>-554</v>
      </c>
      <c r="S33" s="959">
        <v>-472</v>
      </c>
      <c r="T33" s="958">
        <v>-82</v>
      </c>
      <c r="U33" s="940">
        <v>4629</v>
      </c>
      <c r="V33" s="941">
        <v>4.5</v>
      </c>
      <c r="W33" s="940">
        <v>1986</v>
      </c>
      <c r="X33" s="942">
        <v>3.7</v>
      </c>
      <c r="Y33" s="940">
        <v>2643</v>
      </c>
      <c r="Z33" s="942">
        <v>5.5</v>
      </c>
      <c r="AA33" s="940">
        <v>5183</v>
      </c>
      <c r="AB33" s="941">
        <v>5.0999999999999996</v>
      </c>
      <c r="AC33" s="940">
        <v>2458</v>
      </c>
      <c r="AD33" s="942">
        <v>4.5</v>
      </c>
      <c r="AE33" s="940">
        <v>2725</v>
      </c>
      <c r="AF33" s="941">
        <v>5.8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89</v>
      </c>
    </row>
    <row r="37" spans="1:32" s="322" customFormat="1" ht="18" customHeight="1">
      <c r="A37" s="962" t="s">
        <v>590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91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592</v>
      </c>
      <c r="B1" s="303"/>
      <c r="C1" s="303"/>
      <c r="D1" s="303"/>
      <c r="E1" s="303"/>
      <c r="S1" s="303"/>
      <c r="U1" s="303"/>
      <c r="V1" s="303"/>
      <c r="AC1" s="304"/>
      <c r="AD1" s="304"/>
      <c r="AF1" s="546" t="s">
        <v>592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545</v>
      </c>
      <c r="G5" s="1141"/>
      <c r="H5" s="1142"/>
      <c r="I5" s="1140" t="s">
        <v>502</v>
      </c>
      <c r="J5" s="1141"/>
      <c r="K5" s="1142"/>
      <c r="L5" s="1140" t="s">
        <v>503</v>
      </c>
      <c r="M5" s="1141"/>
      <c r="N5" s="1141"/>
      <c r="O5" s="1141"/>
      <c r="P5" s="1141"/>
      <c r="Q5" s="1142"/>
      <c r="R5" s="1140" t="s">
        <v>546</v>
      </c>
      <c r="S5" s="1141"/>
      <c r="T5" s="1142"/>
      <c r="U5" s="1140" t="s">
        <v>419</v>
      </c>
      <c r="V5" s="1141"/>
      <c r="W5" s="1141"/>
      <c r="X5" s="1141"/>
      <c r="Y5" s="1141"/>
      <c r="Z5" s="1142"/>
      <c r="AA5" s="1140" t="s">
        <v>547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48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93</v>
      </c>
      <c r="N7" s="537" t="s">
        <v>189</v>
      </c>
      <c r="O7" s="1009" t="s">
        <v>517</v>
      </c>
      <c r="P7" s="770" t="s">
        <v>189</v>
      </c>
      <c r="Q7" s="87" t="s">
        <v>594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7</v>
      </c>
      <c r="W7" s="537" t="s">
        <v>189</v>
      </c>
      <c r="X7" s="87" t="s">
        <v>517</v>
      </c>
      <c r="Y7" s="537" t="s">
        <v>189</v>
      </c>
      <c r="Z7" s="87" t="s">
        <v>516</v>
      </c>
      <c r="AA7" s="537" t="s">
        <v>189</v>
      </c>
      <c r="AB7" s="87" t="s">
        <v>595</v>
      </c>
      <c r="AC7" s="537" t="s">
        <v>189</v>
      </c>
      <c r="AD7" s="87" t="s">
        <v>594</v>
      </c>
      <c r="AE7" s="537" t="s">
        <v>189</v>
      </c>
      <c r="AF7" s="87" t="s">
        <v>517</v>
      </c>
    </row>
    <row r="8" spans="1:36" s="547" customFormat="1" ht="22.5" customHeight="1">
      <c r="A8" s="551">
        <v>685839</v>
      </c>
      <c r="B8" s="312" t="s">
        <v>191</v>
      </c>
      <c r="C8" s="923">
        <v>-4919</v>
      </c>
      <c r="D8" s="924">
        <v>-2658</v>
      </c>
      <c r="E8" s="923">
        <v>-2261</v>
      </c>
      <c r="F8" s="925">
        <v>-5686</v>
      </c>
      <c r="G8" s="924">
        <v>-2916</v>
      </c>
      <c r="H8" s="923">
        <v>-2770</v>
      </c>
      <c r="I8" s="925">
        <v>3404</v>
      </c>
      <c r="J8" s="924">
        <v>1792</v>
      </c>
      <c r="K8" s="924">
        <v>1612</v>
      </c>
      <c r="L8" s="925">
        <v>9090</v>
      </c>
      <c r="M8" s="313" t="s">
        <v>596</v>
      </c>
      <c r="N8" s="925">
        <v>4708</v>
      </c>
      <c r="O8" s="1010" t="s">
        <v>519</v>
      </c>
      <c r="P8" s="923">
        <v>4382</v>
      </c>
      <c r="Q8" s="313" t="s">
        <v>519</v>
      </c>
      <c r="R8" s="924">
        <v>767</v>
      </c>
      <c r="S8" s="924">
        <v>258</v>
      </c>
      <c r="T8" s="923">
        <v>509</v>
      </c>
      <c r="U8" s="925">
        <v>26923</v>
      </c>
      <c r="V8" s="313" t="s">
        <v>519</v>
      </c>
      <c r="W8" s="925">
        <v>15018</v>
      </c>
      <c r="X8" s="313" t="s">
        <v>519</v>
      </c>
      <c r="Y8" s="925">
        <v>11905</v>
      </c>
      <c r="Z8" s="313" t="s">
        <v>519</v>
      </c>
      <c r="AA8" s="925">
        <v>26156</v>
      </c>
      <c r="AB8" s="313" t="s">
        <v>519</v>
      </c>
      <c r="AC8" s="925">
        <v>14760</v>
      </c>
      <c r="AD8" s="313" t="s">
        <v>519</v>
      </c>
      <c r="AE8" s="925">
        <v>11396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19219</v>
      </c>
      <c r="B10" s="342" t="s">
        <v>577</v>
      </c>
      <c r="C10" s="945">
        <v>3824</v>
      </c>
      <c r="D10" s="946">
        <v>1999</v>
      </c>
      <c r="E10" s="945">
        <v>1825</v>
      </c>
      <c r="F10" s="930">
        <v>3397</v>
      </c>
      <c r="G10" s="946">
        <v>1788</v>
      </c>
      <c r="H10" s="945">
        <v>1609</v>
      </c>
      <c r="I10" s="947">
        <v>3404</v>
      </c>
      <c r="J10" s="946">
        <v>1792</v>
      </c>
      <c r="K10" s="946">
        <v>1612</v>
      </c>
      <c r="L10" s="936">
        <v>7</v>
      </c>
      <c r="M10" s="931">
        <v>0.1</v>
      </c>
      <c r="N10" s="936">
        <v>4</v>
      </c>
      <c r="O10" s="932">
        <v>0.1</v>
      </c>
      <c r="P10" s="952">
        <v>3</v>
      </c>
      <c r="Q10" s="932">
        <v>0.1</v>
      </c>
      <c r="R10" s="945">
        <v>427</v>
      </c>
      <c r="S10" s="946">
        <v>211</v>
      </c>
      <c r="T10" s="945">
        <v>216</v>
      </c>
      <c r="U10" s="930">
        <v>1516</v>
      </c>
      <c r="V10" s="931">
        <v>5.6</v>
      </c>
      <c r="W10" s="936">
        <v>789</v>
      </c>
      <c r="X10" s="932">
        <v>5.3</v>
      </c>
      <c r="Y10" s="936">
        <v>727</v>
      </c>
      <c r="Z10" s="932">
        <v>6.1</v>
      </c>
      <c r="AA10" s="930">
        <v>1089</v>
      </c>
      <c r="AB10" s="931">
        <v>4.2</v>
      </c>
      <c r="AC10" s="936">
        <v>578</v>
      </c>
      <c r="AD10" s="932">
        <v>3.9</v>
      </c>
      <c r="AE10" s="930">
        <v>511</v>
      </c>
      <c r="AF10" s="931">
        <v>4.5</v>
      </c>
    </row>
    <row r="11" spans="1:36" s="319" customFormat="1" ht="22.5" customHeight="1">
      <c r="A11" s="341">
        <v>24734</v>
      </c>
      <c r="B11" s="343" t="s">
        <v>597</v>
      </c>
      <c r="C11" s="945">
        <v>219</v>
      </c>
      <c r="D11" s="946">
        <v>94</v>
      </c>
      <c r="E11" s="945">
        <v>125</v>
      </c>
      <c r="F11" s="930">
        <v>0</v>
      </c>
      <c r="G11" s="946">
        <v>0</v>
      </c>
      <c r="H11" s="945">
        <v>0</v>
      </c>
      <c r="I11" s="948" t="s">
        <v>70</v>
      </c>
      <c r="J11" s="949" t="s">
        <v>598</v>
      </c>
      <c r="K11" s="949" t="s">
        <v>70</v>
      </c>
      <c r="L11" s="930">
        <v>0</v>
      </c>
      <c r="M11" s="931">
        <v>0</v>
      </c>
      <c r="N11" s="930">
        <v>0</v>
      </c>
      <c r="O11" s="932">
        <v>0</v>
      </c>
      <c r="P11" s="945">
        <v>0</v>
      </c>
      <c r="Q11" s="932">
        <v>0</v>
      </c>
      <c r="R11" s="945">
        <v>219</v>
      </c>
      <c r="S11" s="946">
        <v>94</v>
      </c>
      <c r="T11" s="945">
        <v>125</v>
      </c>
      <c r="U11" s="930">
        <v>872</v>
      </c>
      <c r="V11" s="931">
        <v>3.2</v>
      </c>
      <c r="W11" s="930">
        <v>431</v>
      </c>
      <c r="X11" s="932">
        <v>2.9</v>
      </c>
      <c r="Y11" s="930">
        <v>441</v>
      </c>
      <c r="Z11" s="932">
        <v>3.7</v>
      </c>
      <c r="AA11" s="930">
        <v>653</v>
      </c>
      <c r="AB11" s="931">
        <v>2.5</v>
      </c>
      <c r="AC11" s="930">
        <v>337</v>
      </c>
      <c r="AD11" s="932">
        <v>2.2999999999999998</v>
      </c>
      <c r="AE11" s="930">
        <v>316</v>
      </c>
      <c r="AF11" s="931">
        <v>2.8</v>
      </c>
    </row>
    <row r="12" spans="1:36" s="319" customFormat="1" ht="22.5" customHeight="1">
      <c r="A12" s="341">
        <v>27931</v>
      </c>
      <c r="B12" s="343" t="s">
        <v>599</v>
      </c>
      <c r="C12" s="945">
        <v>2</v>
      </c>
      <c r="D12" s="946">
        <v>-5</v>
      </c>
      <c r="E12" s="945">
        <v>7</v>
      </c>
      <c r="F12" s="930">
        <v>-3</v>
      </c>
      <c r="G12" s="946">
        <v>-2</v>
      </c>
      <c r="H12" s="945">
        <v>-1</v>
      </c>
      <c r="I12" s="948" t="s">
        <v>598</v>
      </c>
      <c r="J12" s="949" t="s">
        <v>70</v>
      </c>
      <c r="K12" s="949" t="s">
        <v>70</v>
      </c>
      <c r="L12" s="930">
        <v>3</v>
      </c>
      <c r="M12" s="931">
        <v>0</v>
      </c>
      <c r="N12" s="930">
        <v>2</v>
      </c>
      <c r="O12" s="932">
        <v>0</v>
      </c>
      <c r="P12" s="945">
        <v>1</v>
      </c>
      <c r="Q12" s="932">
        <v>0</v>
      </c>
      <c r="R12" s="945">
        <v>5</v>
      </c>
      <c r="S12" s="946">
        <v>-3</v>
      </c>
      <c r="T12" s="945">
        <v>8</v>
      </c>
      <c r="U12" s="930">
        <v>428</v>
      </c>
      <c r="V12" s="931">
        <v>1.6</v>
      </c>
      <c r="W12" s="930">
        <v>211</v>
      </c>
      <c r="X12" s="932">
        <v>1.4</v>
      </c>
      <c r="Y12" s="930">
        <v>217</v>
      </c>
      <c r="Z12" s="932">
        <v>1.8</v>
      </c>
      <c r="AA12" s="930">
        <v>423</v>
      </c>
      <c r="AB12" s="931">
        <v>1.6</v>
      </c>
      <c r="AC12" s="930">
        <v>214</v>
      </c>
      <c r="AD12" s="932">
        <v>1.4</v>
      </c>
      <c r="AE12" s="930">
        <v>209</v>
      </c>
      <c r="AF12" s="931">
        <v>1.8</v>
      </c>
    </row>
    <row r="13" spans="1:36" s="319" customFormat="1" ht="22.5" customHeight="1">
      <c r="A13" s="341">
        <v>31419</v>
      </c>
      <c r="B13" s="343" t="s">
        <v>600</v>
      </c>
      <c r="C13" s="945">
        <v>565</v>
      </c>
      <c r="D13" s="946">
        <v>479</v>
      </c>
      <c r="E13" s="945">
        <v>86</v>
      </c>
      <c r="F13" s="930">
        <v>-8</v>
      </c>
      <c r="G13" s="946">
        <v>-7</v>
      </c>
      <c r="H13" s="945">
        <v>-1</v>
      </c>
      <c r="I13" s="948" t="s">
        <v>70</v>
      </c>
      <c r="J13" s="949" t="s">
        <v>70</v>
      </c>
      <c r="K13" s="949" t="s">
        <v>70</v>
      </c>
      <c r="L13" s="930">
        <v>8</v>
      </c>
      <c r="M13" s="931">
        <v>0.1</v>
      </c>
      <c r="N13" s="930">
        <v>7</v>
      </c>
      <c r="O13" s="932">
        <v>0.1</v>
      </c>
      <c r="P13" s="945">
        <v>1</v>
      </c>
      <c r="Q13" s="932">
        <v>0</v>
      </c>
      <c r="R13" s="945">
        <v>573</v>
      </c>
      <c r="S13" s="946">
        <v>486</v>
      </c>
      <c r="T13" s="945">
        <v>87</v>
      </c>
      <c r="U13" s="930">
        <v>2729</v>
      </c>
      <c r="V13" s="931">
        <v>10.1</v>
      </c>
      <c r="W13" s="930">
        <v>2123</v>
      </c>
      <c r="X13" s="932">
        <v>14.1</v>
      </c>
      <c r="Y13" s="930">
        <v>606</v>
      </c>
      <c r="Z13" s="932">
        <v>5.0999999999999996</v>
      </c>
      <c r="AA13" s="930">
        <v>2156</v>
      </c>
      <c r="AB13" s="931">
        <v>8.1999999999999993</v>
      </c>
      <c r="AC13" s="930">
        <v>1637</v>
      </c>
      <c r="AD13" s="932">
        <v>11.1</v>
      </c>
      <c r="AE13" s="930">
        <v>519</v>
      </c>
      <c r="AF13" s="931">
        <v>4.5999999999999996</v>
      </c>
    </row>
    <row r="14" spans="1:36" s="319" customFormat="1" ht="22.5" customHeight="1">
      <c r="A14" s="324">
        <v>31886</v>
      </c>
      <c r="B14" s="344" t="s">
        <v>601</v>
      </c>
      <c r="C14" s="943">
        <v>-1536</v>
      </c>
      <c r="D14" s="944">
        <v>-988</v>
      </c>
      <c r="E14" s="943">
        <v>-548</v>
      </c>
      <c r="F14" s="934">
        <v>-8</v>
      </c>
      <c r="G14" s="944">
        <v>-5</v>
      </c>
      <c r="H14" s="943">
        <v>-3</v>
      </c>
      <c r="I14" s="950" t="s">
        <v>70</v>
      </c>
      <c r="J14" s="951" t="s">
        <v>70</v>
      </c>
      <c r="K14" s="951" t="s">
        <v>70</v>
      </c>
      <c r="L14" s="930">
        <v>8</v>
      </c>
      <c r="M14" s="933">
        <v>0.1</v>
      </c>
      <c r="N14" s="934">
        <v>5</v>
      </c>
      <c r="O14" s="935">
        <v>0.1</v>
      </c>
      <c r="P14" s="943">
        <v>3</v>
      </c>
      <c r="Q14" s="935">
        <v>0.1</v>
      </c>
      <c r="R14" s="963">
        <v>-1528</v>
      </c>
      <c r="S14" s="944">
        <v>-983</v>
      </c>
      <c r="T14" s="943">
        <v>-545</v>
      </c>
      <c r="U14" s="930">
        <v>3697</v>
      </c>
      <c r="V14" s="933">
        <v>13.7</v>
      </c>
      <c r="W14" s="934">
        <v>2215</v>
      </c>
      <c r="X14" s="935">
        <v>14.7</v>
      </c>
      <c r="Y14" s="934">
        <v>1482</v>
      </c>
      <c r="Z14" s="935">
        <v>12.4</v>
      </c>
      <c r="AA14" s="934">
        <v>5225</v>
      </c>
      <c r="AB14" s="933">
        <v>20</v>
      </c>
      <c r="AC14" s="934">
        <v>3198</v>
      </c>
      <c r="AD14" s="935">
        <v>21.7</v>
      </c>
      <c r="AE14" s="934">
        <v>2027</v>
      </c>
      <c r="AF14" s="933">
        <v>17.8</v>
      </c>
    </row>
    <row r="15" spans="1:36" s="319" customFormat="1" ht="22.5" customHeight="1">
      <c r="A15" s="341">
        <v>25944</v>
      </c>
      <c r="B15" s="343" t="s">
        <v>602</v>
      </c>
      <c r="C15" s="945">
        <v>-493</v>
      </c>
      <c r="D15" s="946">
        <v>-315</v>
      </c>
      <c r="E15" s="945">
        <v>-178</v>
      </c>
      <c r="F15" s="930">
        <v>-7</v>
      </c>
      <c r="G15" s="946">
        <v>-5</v>
      </c>
      <c r="H15" s="945">
        <v>-2</v>
      </c>
      <c r="I15" s="948" t="s">
        <v>70</v>
      </c>
      <c r="J15" s="949" t="s">
        <v>70</v>
      </c>
      <c r="K15" s="949" t="s">
        <v>70</v>
      </c>
      <c r="L15" s="936">
        <v>7</v>
      </c>
      <c r="M15" s="931">
        <v>0.1</v>
      </c>
      <c r="N15" s="930">
        <v>5</v>
      </c>
      <c r="O15" s="932">
        <v>0.1</v>
      </c>
      <c r="P15" s="945">
        <v>2</v>
      </c>
      <c r="Q15" s="932">
        <v>0</v>
      </c>
      <c r="R15" s="945">
        <v>-486</v>
      </c>
      <c r="S15" s="946">
        <v>-310</v>
      </c>
      <c r="T15" s="945">
        <v>-176</v>
      </c>
      <c r="U15" s="936">
        <v>3965</v>
      </c>
      <c r="V15" s="931">
        <v>14.7</v>
      </c>
      <c r="W15" s="930">
        <v>2125</v>
      </c>
      <c r="X15" s="932">
        <v>14.1</v>
      </c>
      <c r="Y15" s="930">
        <v>1840</v>
      </c>
      <c r="Z15" s="932">
        <v>15.5</v>
      </c>
      <c r="AA15" s="930">
        <v>4451</v>
      </c>
      <c r="AB15" s="931">
        <v>17</v>
      </c>
      <c r="AC15" s="930">
        <v>2435</v>
      </c>
      <c r="AD15" s="932">
        <v>16.5</v>
      </c>
      <c r="AE15" s="930">
        <v>2016</v>
      </c>
      <c r="AF15" s="931">
        <v>17.7</v>
      </c>
    </row>
    <row r="16" spans="1:36" s="319" customFormat="1" ht="22.5" customHeight="1">
      <c r="A16" s="341">
        <v>27759</v>
      </c>
      <c r="B16" s="343" t="s">
        <v>603</v>
      </c>
      <c r="C16" s="945">
        <v>309</v>
      </c>
      <c r="D16" s="946">
        <v>121</v>
      </c>
      <c r="E16" s="945">
        <v>188</v>
      </c>
      <c r="F16" s="930">
        <v>-12</v>
      </c>
      <c r="G16" s="946">
        <v>-6</v>
      </c>
      <c r="H16" s="945">
        <v>-6</v>
      </c>
      <c r="I16" s="948" t="s">
        <v>70</v>
      </c>
      <c r="J16" s="949" t="s">
        <v>70</v>
      </c>
      <c r="K16" s="949" t="s">
        <v>70</v>
      </c>
      <c r="L16" s="930">
        <v>12</v>
      </c>
      <c r="M16" s="931">
        <v>0.1</v>
      </c>
      <c r="N16" s="930">
        <v>6</v>
      </c>
      <c r="O16" s="932">
        <v>0.1</v>
      </c>
      <c r="P16" s="945">
        <v>6</v>
      </c>
      <c r="Q16" s="932">
        <v>0.1</v>
      </c>
      <c r="R16" s="945">
        <v>321</v>
      </c>
      <c r="S16" s="946">
        <v>127</v>
      </c>
      <c r="T16" s="945">
        <v>194</v>
      </c>
      <c r="U16" s="930">
        <v>3231</v>
      </c>
      <c r="V16" s="931">
        <v>12</v>
      </c>
      <c r="W16" s="930">
        <v>1693</v>
      </c>
      <c r="X16" s="932">
        <v>11.3</v>
      </c>
      <c r="Y16" s="930">
        <v>1538</v>
      </c>
      <c r="Z16" s="932">
        <v>12.9</v>
      </c>
      <c r="AA16" s="930">
        <v>2910</v>
      </c>
      <c r="AB16" s="931">
        <v>11.1</v>
      </c>
      <c r="AC16" s="930">
        <v>1566</v>
      </c>
      <c r="AD16" s="932">
        <v>10.6</v>
      </c>
      <c r="AE16" s="930">
        <v>1344</v>
      </c>
      <c r="AF16" s="931">
        <v>11.8</v>
      </c>
    </row>
    <row r="17" spans="1:32" s="319" customFormat="1" ht="22.5" customHeight="1">
      <c r="A17" s="341">
        <v>33355</v>
      </c>
      <c r="B17" s="343" t="s">
        <v>604</v>
      </c>
      <c r="C17" s="945">
        <v>389</v>
      </c>
      <c r="D17" s="946">
        <v>138</v>
      </c>
      <c r="E17" s="945">
        <v>251</v>
      </c>
      <c r="F17" s="930">
        <v>-16</v>
      </c>
      <c r="G17" s="946">
        <v>-10</v>
      </c>
      <c r="H17" s="945">
        <v>-6</v>
      </c>
      <c r="I17" s="948" t="s">
        <v>70</v>
      </c>
      <c r="J17" s="949" t="s">
        <v>70</v>
      </c>
      <c r="K17" s="949" t="s">
        <v>70</v>
      </c>
      <c r="L17" s="930">
        <v>16</v>
      </c>
      <c r="M17" s="931">
        <v>0.2</v>
      </c>
      <c r="N17" s="930">
        <v>10</v>
      </c>
      <c r="O17" s="932">
        <v>0.2</v>
      </c>
      <c r="P17" s="945">
        <v>6</v>
      </c>
      <c r="Q17" s="932">
        <v>0.1</v>
      </c>
      <c r="R17" s="945">
        <v>405</v>
      </c>
      <c r="S17" s="946">
        <v>148</v>
      </c>
      <c r="T17" s="945">
        <v>257</v>
      </c>
      <c r="U17" s="930">
        <v>2413</v>
      </c>
      <c r="V17" s="931">
        <v>9</v>
      </c>
      <c r="W17" s="930">
        <v>1258</v>
      </c>
      <c r="X17" s="932">
        <v>8.4</v>
      </c>
      <c r="Y17" s="930">
        <v>1155</v>
      </c>
      <c r="Z17" s="932">
        <v>9.6999999999999993</v>
      </c>
      <c r="AA17" s="930">
        <v>2008</v>
      </c>
      <c r="AB17" s="931">
        <v>7.7</v>
      </c>
      <c r="AC17" s="930">
        <v>1110</v>
      </c>
      <c r="AD17" s="932">
        <v>7.5</v>
      </c>
      <c r="AE17" s="930">
        <v>898</v>
      </c>
      <c r="AF17" s="931">
        <v>7.9</v>
      </c>
    </row>
    <row r="18" spans="1:32" s="319" customFormat="1" ht="22.5" customHeight="1">
      <c r="A18" s="341">
        <v>41146</v>
      </c>
      <c r="B18" s="343" t="s">
        <v>605</v>
      </c>
      <c r="C18" s="945">
        <v>342</v>
      </c>
      <c r="D18" s="946">
        <v>195</v>
      </c>
      <c r="E18" s="945">
        <v>147</v>
      </c>
      <c r="F18" s="930">
        <v>-33</v>
      </c>
      <c r="G18" s="946">
        <v>-15</v>
      </c>
      <c r="H18" s="945">
        <v>-18</v>
      </c>
      <c r="I18" s="948" t="s">
        <v>70</v>
      </c>
      <c r="J18" s="949" t="s">
        <v>70</v>
      </c>
      <c r="K18" s="949" t="s">
        <v>70</v>
      </c>
      <c r="L18" s="930">
        <v>33</v>
      </c>
      <c r="M18" s="931">
        <v>0.4</v>
      </c>
      <c r="N18" s="930">
        <v>15</v>
      </c>
      <c r="O18" s="932">
        <v>0.3</v>
      </c>
      <c r="P18" s="945">
        <v>18</v>
      </c>
      <c r="Q18" s="932">
        <v>0.4</v>
      </c>
      <c r="R18" s="945">
        <v>375</v>
      </c>
      <c r="S18" s="946">
        <v>210</v>
      </c>
      <c r="T18" s="945">
        <v>165</v>
      </c>
      <c r="U18" s="930">
        <v>1844</v>
      </c>
      <c r="V18" s="931">
        <v>6.8</v>
      </c>
      <c r="W18" s="930">
        <v>1005</v>
      </c>
      <c r="X18" s="932">
        <v>6.7</v>
      </c>
      <c r="Y18" s="930">
        <v>839</v>
      </c>
      <c r="Z18" s="932">
        <v>7</v>
      </c>
      <c r="AA18" s="930">
        <v>1469</v>
      </c>
      <c r="AB18" s="931">
        <v>5.6</v>
      </c>
      <c r="AC18" s="930">
        <v>795</v>
      </c>
      <c r="AD18" s="932">
        <v>5.4</v>
      </c>
      <c r="AE18" s="930">
        <v>674</v>
      </c>
      <c r="AF18" s="931">
        <v>5.9</v>
      </c>
    </row>
    <row r="19" spans="1:32" s="319" customFormat="1" ht="22.5" customHeight="1">
      <c r="A19" s="324">
        <v>54165</v>
      </c>
      <c r="B19" s="344" t="s">
        <v>531</v>
      </c>
      <c r="C19" s="943">
        <v>123</v>
      </c>
      <c r="D19" s="944">
        <v>65</v>
      </c>
      <c r="E19" s="943">
        <v>58</v>
      </c>
      <c r="F19" s="934">
        <v>-83</v>
      </c>
      <c r="G19" s="944">
        <v>-55</v>
      </c>
      <c r="H19" s="943">
        <v>-28</v>
      </c>
      <c r="I19" s="950" t="s">
        <v>70</v>
      </c>
      <c r="J19" s="951" t="s">
        <v>70</v>
      </c>
      <c r="K19" s="951" t="s">
        <v>70</v>
      </c>
      <c r="L19" s="930">
        <v>83</v>
      </c>
      <c r="M19" s="933">
        <v>0.9</v>
      </c>
      <c r="N19" s="934">
        <v>55</v>
      </c>
      <c r="O19" s="935">
        <v>1.2</v>
      </c>
      <c r="P19" s="945">
        <v>28</v>
      </c>
      <c r="Q19" s="935">
        <v>0.6</v>
      </c>
      <c r="R19" s="943">
        <v>206</v>
      </c>
      <c r="S19" s="944">
        <v>120</v>
      </c>
      <c r="T19" s="943">
        <v>86</v>
      </c>
      <c r="U19" s="930">
        <v>1555</v>
      </c>
      <c r="V19" s="933">
        <v>5.8</v>
      </c>
      <c r="W19" s="934">
        <v>862</v>
      </c>
      <c r="X19" s="935">
        <v>5.7</v>
      </c>
      <c r="Y19" s="934">
        <v>693</v>
      </c>
      <c r="Z19" s="935">
        <v>5.8</v>
      </c>
      <c r="AA19" s="934">
        <v>1349</v>
      </c>
      <c r="AB19" s="933">
        <v>5.2</v>
      </c>
      <c r="AC19" s="934">
        <v>742</v>
      </c>
      <c r="AD19" s="935">
        <v>5</v>
      </c>
      <c r="AE19" s="934">
        <v>607</v>
      </c>
      <c r="AF19" s="933">
        <v>5.3</v>
      </c>
    </row>
    <row r="20" spans="1:32" s="319" customFormat="1" ht="22.5" customHeight="1">
      <c r="A20" s="341">
        <v>56371</v>
      </c>
      <c r="B20" s="343" t="s">
        <v>606</v>
      </c>
      <c r="C20" s="945">
        <v>54</v>
      </c>
      <c r="D20" s="946">
        <v>6</v>
      </c>
      <c r="E20" s="945">
        <v>48</v>
      </c>
      <c r="F20" s="930">
        <v>-128</v>
      </c>
      <c r="G20" s="946">
        <v>-88</v>
      </c>
      <c r="H20" s="945">
        <v>-40</v>
      </c>
      <c r="I20" s="948" t="s">
        <v>70</v>
      </c>
      <c r="J20" s="949" t="s">
        <v>70</v>
      </c>
      <c r="K20" s="949" t="s">
        <v>70</v>
      </c>
      <c r="L20" s="936">
        <v>128</v>
      </c>
      <c r="M20" s="931">
        <v>1.4</v>
      </c>
      <c r="N20" s="930">
        <v>88</v>
      </c>
      <c r="O20" s="932">
        <v>1.9</v>
      </c>
      <c r="P20" s="952">
        <v>40</v>
      </c>
      <c r="Q20" s="932">
        <v>0.9</v>
      </c>
      <c r="R20" s="945">
        <v>182</v>
      </c>
      <c r="S20" s="946">
        <v>94</v>
      </c>
      <c r="T20" s="945">
        <v>88</v>
      </c>
      <c r="U20" s="936">
        <v>1289</v>
      </c>
      <c r="V20" s="931">
        <v>4.8</v>
      </c>
      <c r="W20" s="930">
        <v>708</v>
      </c>
      <c r="X20" s="932">
        <v>4.7</v>
      </c>
      <c r="Y20" s="930">
        <v>581</v>
      </c>
      <c r="Z20" s="932">
        <v>4.9000000000000004</v>
      </c>
      <c r="AA20" s="930">
        <v>1107</v>
      </c>
      <c r="AB20" s="931">
        <v>4.2</v>
      </c>
      <c r="AC20" s="936">
        <v>614</v>
      </c>
      <c r="AD20" s="932">
        <v>4.2</v>
      </c>
      <c r="AE20" s="930">
        <v>493</v>
      </c>
      <c r="AF20" s="931">
        <v>4.3</v>
      </c>
    </row>
    <row r="21" spans="1:32" s="319" customFormat="1" ht="22.5" customHeight="1">
      <c r="A21" s="341">
        <v>45526</v>
      </c>
      <c r="B21" s="343" t="s">
        <v>607</v>
      </c>
      <c r="C21" s="945">
        <v>-101</v>
      </c>
      <c r="D21" s="946">
        <v>-86</v>
      </c>
      <c r="E21" s="945">
        <v>-15</v>
      </c>
      <c r="F21" s="930">
        <v>-175</v>
      </c>
      <c r="G21" s="946">
        <v>-131</v>
      </c>
      <c r="H21" s="945">
        <v>-44</v>
      </c>
      <c r="I21" s="948" t="s">
        <v>70</v>
      </c>
      <c r="J21" s="949" t="s">
        <v>70</v>
      </c>
      <c r="K21" s="949" t="s">
        <v>70</v>
      </c>
      <c r="L21" s="930">
        <v>175</v>
      </c>
      <c r="M21" s="931">
        <v>1.9</v>
      </c>
      <c r="N21" s="930">
        <v>131</v>
      </c>
      <c r="O21" s="932">
        <v>2.8</v>
      </c>
      <c r="P21" s="945">
        <v>44</v>
      </c>
      <c r="Q21" s="932">
        <v>1</v>
      </c>
      <c r="R21" s="945">
        <v>74</v>
      </c>
      <c r="S21" s="946">
        <v>45</v>
      </c>
      <c r="T21" s="945">
        <v>29</v>
      </c>
      <c r="U21" s="930">
        <v>843</v>
      </c>
      <c r="V21" s="931">
        <v>3.1</v>
      </c>
      <c r="W21" s="930">
        <v>446</v>
      </c>
      <c r="X21" s="932">
        <v>3</v>
      </c>
      <c r="Y21" s="930">
        <v>397</v>
      </c>
      <c r="Z21" s="932">
        <v>3.3</v>
      </c>
      <c r="AA21" s="930">
        <v>769</v>
      </c>
      <c r="AB21" s="931">
        <v>2.9</v>
      </c>
      <c r="AC21" s="930">
        <v>401</v>
      </c>
      <c r="AD21" s="932">
        <v>2.7</v>
      </c>
      <c r="AE21" s="930">
        <v>368</v>
      </c>
      <c r="AF21" s="931">
        <v>3.2</v>
      </c>
    </row>
    <row r="22" spans="1:32" s="319" customFormat="1" ht="22.5" customHeight="1">
      <c r="A22" s="341">
        <v>40185</v>
      </c>
      <c r="B22" s="343" t="s">
        <v>608</v>
      </c>
      <c r="C22" s="945">
        <v>-103</v>
      </c>
      <c r="D22" s="946">
        <v>-95</v>
      </c>
      <c r="E22" s="945">
        <v>-8</v>
      </c>
      <c r="F22" s="930">
        <v>-234</v>
      </c>
      <c r="G22" s="946">
        <v>-158</v>
      </c>
      <c r="H22" s="945">
        <v>-76</v>
      </c>
      <c r="I22" s="948" t="s">
        <v>70</v>
      </c>
      <c r="J22" s="949" t="s">
        <v>70</v>
      </c>
      <c r="K22" s="949" t="s">
        <v>70</v>
      </c>
      <c r="L22" s="930">
        <v>234</v>
      </c>
      <c r="M22" s="931">
        <v>2.6</v>
      </c>
      <c r="N22" s="930">
        <v>158</v>
      </c>
      <c r="O22" s="932">
        <v>3.4</v>
      </c>
      <c r="P22" s="945">
        <v>76</v>
      </c>
      <c r="Q22" s="932">
        <v>1.7</v>
      </c>
      <c r="R22" s="945">
        <v>131</v>
      </c>
      <c r="S22" s="946">
        <v>63</v>
      </c>
      <c r="T22" s="945">
        <v>68</v>
      </c>
      <c r="U22" s="930">
        <v>679</v>
      </c>
      <c r="V22" s="931">
        <v>2.5</v>
      </c>
      <c r="W22" s="930">
        <v>370</v>
      </c>
      <c r="X22" s="932">
        <v>2.5</v>
      </c>
      <c r="Y22" s="930">
        <v>309</v>
      </c>
      <c r="Z22" s="932">
        <v>2.6</v>
      </c>
      <c r="AA22" s="930">
        <v>548</v>
      </c>
      <c r="AB22" s="931">
        <v>2.1</v>
      </c>
      <c r="AC22" s="930">
        <v>307</v>
      </c>
      <c r="AD22" s="932">
        <v>2.1</v>
      </c>
      <c r="AE22" s="930">
        <v>241</v>
      </c>
      <c r="AF22" s="931">
        <v>2.1</v>
      </c>
    </row>
    <row r="23" spans="1:32" s="319" customFormat="1" ht="22.5" customHeight="1">
      <c r="A23" s="341">
        <v>41288</v>
      </c>
      <c r="B23" s="343" t="s">
        <v>609</v>
      </c>
      <c r="C23" s="945">
        <v>-387</v>
      </c>
      <c r="D23" s="946">
        <v>-250</v>
      </c>
      <c r="E23" s="945">
        <v>-137</v>
      </c>
      <c r="F23" s="930">
        <v>-373</v>
      </c>
      <c r="G23" s="946">
        <v>-250</v>
      </c>
      <c r="H23" s="945">
        <v>-123</v>
      </c>
      <c r="I23" s="948" t="s">
        <v>70</v>
      </c>
      <c r="J23" s="949" t="s">
        <v>70</v>
      </c>
      <c r="K23" s="949" t="s">
        <v>70</v>
      </c>
      <c r="L23" s="930">
        <v>373</v>
      </c>
      <c r="M23" s="931">
        <v>4.0999999999999996</v>
      </c>
      <c r="N23" s="930">
        <v>250</v>
      </c>
      <c r="O23" s="932">
        <v>5.3</v>
      </c>
      <c r="P23" s="945">
        <v>123</v>
      </c>
      <c r="Q23" s="932">
        <v>2.8</v>
      </c>
      <c r="R23" s="945">
        <v>-14</v>
      </c>
      <c r="S23" s="946">
        <v>0</v>
      </c>
      <c r="T23" s="945">
        <v>-14</v>
      </c>
      <c r="U23" s="930">
        <v>418</v>
      </c>
      <c r="V23" s="931">
        <v>1.6</v>
      </c>
      <c r="W23" s="930">
        <v>239</v>
      </c>
      <c r="X23" s="932">
        <v>1.6</v>
      </c>
      <c r="Y23" s="930">
        <v>179</v>
      </c>
      <c r="Z23" s="932">
        <v>1.5</v>
      </c>
      <c r="AA23" s="930">
        <v>432</v>
      </c>
      <c r="AB23" s="931">
        <v>1.7</v>
      </c>
      <c r="AC23" s="930">
        <v>239</v>
      </c>
      <c r="AD23" s="932">
        <v>1.6</v>
      </c>
      <c r="AE23" s="930">
        <v>193</v>
      </c>
      <c r="AF23" s="931">
        <v>1.7</v>
      </c>
    </row>
    <row r="24" spans="1:32" s="319" customFormat="1" ht="22.5" customHeight="1">
      <c r="A24" s="324">
        <v>56949</v>
      </c>
      <c r="B24" s="343" t="s">
        <v>610</v>
      </c>
      <c r="C24" s="943">
        <v>-797</v>
      </c>
      <c r="D24" s="944">
        <v>-551</v>
      </c>
      <c r="E24" s="943">
        <v>-246</v>
      </c>
      <c r="F24" s="934">
        <v>-818</v>
      </c>
      <c r="G24" s="944">
        <v>-551</v>
      </c>
      <c r="H24" s="943">
        <v>-267</v>
      </c>
      <c r="I24" s="950" t="s">
        <v>70</v>
      </c>
      <c r="J24" s="951" t="s">
        <v>70</v>
      </c>
      <c r="K24" s="951" t="s">
        <v>70</v>
      </c>
      <c r="L24" s="934">
        <v>818</v>
      </c>
      <c r="M24" s="933">
        <v>9</v>
      </c>
      <c r="N24" s="934">
        <v>551</v>
      </c>
      <c r="O24" s="935">
        <v>11.7</v>
      </c>
      <c r="P24" s="943">
        <v>267</v>
      </c>
      <c r="Q24" s="935">
        <v>6.1</v>
      </c>
      <c r="R24" s="943">
        <v>21</v>
      </c>
      <c r="S24" s="944">
        <v>0</v>
      </c>
      <c r="T24" s="943">
        <v>21</v>
      </c>
      <c r="U24" s="934">
        <v>427</v>
      </c>
      <c r="V24" s="933">
        <v>1.6</v>
      </c>
      <c r="W24" s="934">
        <v>199</v>
      </c>
      <c r="X24" s="935">
        <v>1.3</v>
      </c>
      <c r="Y24" s="934">
        <v>228</v>
      </c>
      <c r="Z24" s="935">
        <v>1.9</v>
      </c>
      <c r="AA24" s="930">
        <v>406</v>
      </c>
      <c r="AB24" s="933">
        <v>1.6</v>
      </c>
      <c r="AC24" s="934">
        <v>199</v>
      </c>
      <c r="AD24" s="935">
        <v>1.3</v>
      </c>
      <c r="AE24" s="934">
        <v>207</v>
      </c>
      <c r="AF24" s="933">
        <v>1.8</v>
      </c>
    </row>
    <row r="25" spans="1:32" s="319" customFormat="1" ht="22.5" customHeight="1">
      <c r="A25" s="341">
        <v>45123</v>
      </c>
      <c r="B25" s="553" t="s">
        <v>611</v>
      </c>
      <c r="C25" s="945">
        <v>-1065</v>
      </c>
      <c r="D25" s="946">
        <v>-662</v>
      </c>
      <c r="E25" s="945">
        <v>-403</v>
      </c>
      <c r="F25" s="930">
        <v>-1011</v>
      </c>
      <c r="G25" s="946">
        <v>-642</v>
      </c>
      <c r="H25" s="945">
        <v>-369</v>
      </c>
      <c r="I25" s="948" t="s">
        <v>70</v>
      </c>
      <c r="J25" s="949" t="s">
        <v>70</v>
      </c>
      <c r="K25" s="949" t="s">
        <v>70</v>
      </c>
      <c r="L25" s="936">
        <v>1011</v>
      </c>
      <c r="M25" s="931">
        <v>11.1</v>
      </c>
      <c r="N25" s="930">
        <v>642</v>
      </c>
      <c r="O25" s="932">
        <v>13.6</v>
      </c>
      <c r="P25" s="945">
        <v>369</v>
      </c>
      <c r="Q25" s="932">
        <v>8.4</v>
      </c>
      <c r="R25" s="945">
        <v>-54</v>
      </c>
      <c r="S25" s="946">
        <v>-20</v>
      </c>
      <c r="T25" s="945">
        <v>-34</v>
      </c>
      <c r="U25" s="930">
        <v>280</v>
      </c>
      <c r="V25" s="931">
        <v>1</v>
      </c>
      <c r="W25" s="930">
        <v>113</v>
      </c>
      <c r="X25" s="932">
        <v>0.8</v>
      </c>
      <c r="Y25" s="930">
        <v>167</v>
      </c>
      <c r="Z25" s="932">
        <v>1.4</v>
      </c>
      <c r="AA25" s="936">
        <v>334</v>
      </c>
      <c r="AB25" s="931">
        <v>1.3</v>
      </c>
      <c r="AC25" s="930">
        <v>133</v>
      </c>
      <c r="AD25" s="932">
        <v>0.9</v>
      </c>
      <c r="AE25" s="930">
        <v>201</v>
      </c>
      <c r="AF25" s="931">
        <v>1.8</v>
      </c>
    </row>
    <row r="26" spans="1:32" s="319" customFormat="1" ht="22.5" customHeight="1">
      <c r="A26" s="341">
        <v>37646</v>
      </c>
      <c r="B26" s="343" t="s">
        <v>612</v>
      </c>
      <c r="C26" s="945">
        <v>-1497</v>
      </c>
      <c r="D26" s="946">
        <v>-870</v>
      </c>
      <c r="E26" s="945">
        <v>-627</v>
      </c>
      <c r="F26" s="930">
        <v>-1422</v>
      </c>
      <c r="G26" s="946">
        <v>-843</v>
      </c>
      <c r="H26" s="945">
        <v>-579</v>
      </c>
      <c r="I26" s="948" t="s">
        <v>70</v>
      </c>
      <c r="J26" s="949" t="s">
        <v>70</v>
      </c>
      <c r="K26" s="949" t="s">
        <v>70</v>
      </c>
      <c r="L26" s="930">
        <v>1422</v>
      </c>
      <c r="M26" s="931">
        <v>15.6</v>
      </c>
      <c r="N26" s="930">
        <v>843</v>
      </c>
      <c r="O26" s="932">
        <v>17.899999999999999</v>
      </c>
      <c r="P26" s="945">
        <v>579</v>
      </c>
      <c r="Q26" s="932">
        <v>13.2</v>
      </c>
      <c r="R26" s="945">
        <v>-75</v>
      </c>
      <c r="S26" s="946">
        <v>-27</v>
      </c>
      <c r="T26" s="945">
        <v>-48</v>
      </c>
      <c r="U26" s="930">
        <v>247</v>
      </c>
      <c r="V26" s="931">
        <v>0.9</v>
      </c>
      <c r="W26" s="930">
        <v>91</v>
      </c>
      <c r="X26" s="932">
        <v>0.6</v>
      </c>
      <c r="Y26" s="930">
        <v>156</v>
      </c>
      <c r="Z26" s="932">
        <v>1.3</v>
      </c>
      <c r="AA26" s="930">
        <v>322</v>
      </c>
      <c r="AB26" s="931">
        <v>1.2</v>
      </c>
      <c r="AC26" s="930">
        <v>118</v>
      </c>
      <c r="AD26" s="932">
        <v>0.8</v>
      </c>
      <c r="AE26" s="930">
        <v>204</v>
      </c>
      <c r="AF26" s="931">
        <v>1.8</v>
      </c>
    </row>
    <row r="27" spans="1:32" s="319" customFormat="1" ht="22.5" customHeight="1">
      <c r="A27" s="341">
        <v>25490</v>
      </c>
      <c r="B27" s="343" t="s">
        <v>613</v>
      </c>
      <c r="C27" s="945">
        <v>-1957</v>
      </c>
      <c r="D27" s="946">
        <v>-1003</v>
      </c>
      <c r="E27" s="945">
        <v>-954</v>
      </c>
      <c r="F27" s="930">
        <v>-1944</v>
      </c>
      <c r="G27" s="946">
        <v>-1000</v>
      </c>
      <c r="H27" s="945">
        <v>-944</v>
      </c>
      <c r="I27" s="948" t="s">
        <v>70</v>
      </c>
      <c r="J27" s="949" t="s">
        <v>70</v>
      </c>
      <c r="K27" s="949" t="s">
        <v>70</v>
      </c>
      <c r="L27" s="930">
        <v>1944</v>
      </c>
      <c r="M27" s="931">
        <v>21.4</v>
      </c>
      <c r="N27" s="930">
        <v>1000</v>
      </c>
      <c r="O27" s="932">
        <v>21.2</v>
      </c>
      <c r="P27" s="945">
        <v>944</v>
      </c>
      <c r="Q27" s="932">
        <v>21.5</v>
      </c>
      <c r="R27" s="945">
        <v>-13</v>
      </c>
      <c r="S27" s="946">
        <v>-3</v>
      </c>
      <c r="T27" s="945">
        <v>-10</v>
      </c>
      <c r="U27" s="930">
        <v>287</v>
      </c>
      <c r="V27" s="931">
        <v>1.1000000000000001</v>
      </c>
      <c r="W27" s="930">
        <v>87</v>
      </c>
      <c r="X27" s="932">
        <v>0.6</v>
      </c>
      <c r="Y27" s="930">
        <v>200</v>
      </c>
      <c r="Z27" s="932">
        <v>1.7</v>
      </c>
      <c r="AA27" s="930">
        <v>300</v>
      </c>
      <c r="AB27" s="931">
        <v>1.1000000000000001</v>
      </c>
      <c r="AC27" s="930">
        <v>90</v>
      </c>
      <c r="AD27" s="932">
        <v>0.6</v>
      </c>
      <c r="AE27" s="930">
        <v>210</v>
      </c>
      <c r="AF27" s="931">
        <v>1.8</v>
      </c>
    </row>
    <row r="28" spans="1:32" s="319" customFormat="1" ht="22.5" customHeight="1">
      <c r="A28" s="341">
        <v>12042</v>
      </c>
      <c r="B28" s="343" t="s">
        <v>569</v>
      </c>
      <c r="C28" s="945">
        <v>-1725</v>
      </c>
      <c r="D28" s="946">
        <v>-673</v>
      </c>
      <c r="E28" s="945">
        <v>-1052</v>
      </c>
      <c r="F28" s="930">
        <v>-1736</v>
      </c>
      <c r="G28" s="946">
        <v>-681</v>
      </c>
      <c r="H28" s="945">
        <v>-1055</v>
      </c>
      <c r="I28" s="948" t="s">
        <v>70</v>
      </c>
      <c r="J28" s="949" t="s">
        <v>70</v>
      </c>
      <c r="K28" s="949" t="s">
        <v>70</v>
      </c>
      <c r="L28" s="930">
        <v>1736</v>
      </c>
      <c r="M28" s="931">
        <v>19.100000000000001</v>
      </c>
      <c r="N28" s="930">
        <v>681</v>
      </c>
      <c r="O28" s="932">
        <v>14.5</v>
      </c>
      <c r="P28" s="945">
        <v>1055</v>
      </c>
      <c r="Q28" s="932">
        <v>24.1</v>
      </c>
      <c r="R28" s="945">
        <v>11</v>
      </c>
      <c r="S28" s="946">
        <v>8</v>
      </c>
      <c r="T28" s="945">
        <v>3</v>
      </c>
      <c r="U28" s="930">
        <v>161</v>
      </c>
      <c r="V28" s="931">
        <v>0.6</v>
      </c>
      <c r="W28" s="930">
        <v>44</v>
      </c>
      <c r="X28" s="932">
        <v>0.3</v>
      </c>
      <c r="Y28" s="930">
        <v>117</v>
      </c>
      <c r="Z28" s="932">
        <v>1</v>
      </c>
      <c r="AA28" s="930">
        <v>150</v>
      </c>
      <c r="AB28" s="931">
        <v>0.6</v>
      </c>
      <c r="AC28" s="930">
        <v>36</v>
      </c>
      <c r="AD28" s="932">
        <v>0.2</v>
      </c>
      <c r="AE28" s="930">
        <v>114</v>
      </c>
      <c r="AF28" s="931">
        <v>1</v>
      </c>
    </row>
    <row r="29" spans="1:32" s="319" customFormat="1" ht="22.5" customHeight="1">
      <c r="A29" s="324">
        <v>3260</v>
      </c>
      <c r="B29" s="344" t="s">
        <v>442</v>
      </c>
      <c r="C29" s="943">
        <v>-855</v>
      </c>
      <c r="D29" s="944">
        <v>-225</v>
      </c>
      <c r="E29" s="943">
        <v>-630</v>
      </c>
      <c r="F29" s="934">
        <v>-838</v>
      </c>
      <c r="G29" s="944">
        <v>-223</v>
      </c>
      <c r="H29" s="943">
        <v>-615</v>
      </c>
      <c r="I29" s="950" t="s">
        <v>70</v>
      </c>
      <c r="J29" s="951" t="s">
        <v>70</v>
      </c>
      <c r="K29" s="951" t="s">
        <v>70</v>
      </c>
      <c r="L29" s="930">
        <v>838</v>
      </c>
      <c r="M29" s="933">
        <v>9.1999999999999993</v>
      </c>
      <c r="N29" s="934">
        <v>223</v>
      </c>
      <c r="O29" s="935">
        <v>4.7</v>
      </c>
      <c r="P29" s="943">
        <v>615</v>
      </c>
      <c r="Q29" s="935">
        <v>14</v>
      </c>
      <c r="R29" s="943">
        <v>-17</v>
      </c>
      <c r="S29" s="944">
        <v>-2</v>
      </c>
      <c r="T29" s="943">
        <v>-15</v>
      </c>
      <c r="U29" s="930">
        <v>37</v>
      </c>
      <c r="V29" s="933">
        <v>0.1</v>
      </c>
      <c r="W29" s="934">
        <v>8</v>
      </c>
      <c r="X29" s="935">
        <v>0.1</v>
      </c>
      <c r="Y29" s="934">
        <v>29</v>
      </c>
      <c r="Z29" s="935">
        <v>0.2</v>
      </c>
      <c r="AA29" s="934">
        <v>54</v>
      </c>
      <c r="AB29" s="933">
        <v>0.2</v>
      </c>
      <c r="AC29" s="934">
        <v>10</v>
      </c>
      <c r="AD29" s="935">
        <v>0.1</v>
      </c>
      <c r="AE29" s="934">
        <v>44</v>
      </c>
      <c r="AF29" s="933">
        <v>0.4</v>
      </c>
    </row>
    <row r="30" spans="1:32" s="319" customFormat="1" ht="22.5" customHeight="1">
      <c r="A30" s="554">
        <v>586</v>
      </c>
      <c r="B30" s="555" t="s">
        <v>586</v>
      </c>
      <c r="C30" s="953">
        <v>-230</v>
      </c>
      <c r="D30" s="954">
        <v>-32</v>
      </c>
      <c r="E30" s="937">
        <v>-198</v>
      </c>
      <c r="F30" s="937">
        <v>-234</v>
      </c>
      <c r="G30" s="954">
        <v>-32</v>
      </c>
      <c r="H30" s="955">
        <v>-202</v>
      </c>
      <c r="I30" s="956" t="s">
        <v>70</v>
      </c>
      <c r="J30" s="957" t="s">
        <v>70</v>
      </c>
      <c r="K30" s="957" t="s">
        <v>70</v>
      </c>
      <c r="L30" s="937">
        <v>234</v>
      </c>
      <c r="M30" s="938">
        <v>2.6</v>
      </c>
      <c r="N30" s="937">
        <v>32</v>
      </c>
      <c r="O30" s="939">
        <v>0.7</v>
      </c>
      <c r="P30" s="955">
        <v>202</v>
      </c>
      <c r="Q30" s="939">
        <v>4.5999999999999996</v>
      </c>
      <c r="R30" s="955">
        <v>4</v>
      </c>
      <c r="S30" s="954">
        <v>0</v>
      </c>
      <c r="T30" s="937">
        <v>4</v>
      </c>
      <c r="U30" s="937">
        <v>5</v>
      </c>
      <c r="V30" s="938">
        <v>0</v>
      </c>
      <c r="W30" s="937">
        <v>1</v>
      </c>
      <c r="X30" s="939">
        <v>0</v>
      </c>
      <c r="Y30" s="937">
        <v>4</v>
      </c>
      <c r="Z30" s="939">
        <v>0</v>
      </c>
      <c r="AA30" s="937">
        <v>1</v>
      </c>
      <c r="AB30" s="938">
        <v>0</v>
      </c>
      <c r="AC30" s="937">
        <v>1</v>
      </c>
      <c r="AD30" s="939">
        <v>0</v>
      </c>
      <c r="AE30" s="937">
        <v>0</v>
      </c>
      <c r="AF30" s="938">
        <v>0</v>
      </c>
    </row>
    <row r="31" spans="1:32" s="319" customFormat="1" ht="22.5" customHeight="1">
      <c r="A31" s="341">
        <v>71884</v>
      </c>
      <c r="B31" s="320" t="s">
        <v>537</v>
      </c>
      <c r="C31" s="945">
        <v>4045</v>
      </c>
      <c r="D31" s="946">
        <v>2088</v>
      </c>
      <c r="E31" s="945">
        <v>1957</v>
      </c>
      <c r="F31" s="930">
        <v>3394</v>
      </c>
      <c r="G31" s="946">
        <v>1786</v>
      </c>
      <c r="H31" s="945">
        <v>1608</v>
      </c>
      <c r="I31" s="930">
        <v>3404</v>
      </c>
      <c r="J31" s="946">
        <v>1792</v>
      </c>
      <c r="K31" s="946">
        <v>1612</v>
      </c>
      <c r="L31" s="930">
        <v>10</v>
      </c>
      <c r="M31" s="931">
        <v>0.1</v>
      </c>
      <c r="N31" s="930">
        <v>6</v>
      </c>
      <c r="O31" s="932">
        <v>0.1</v>
      </c>
      <c r="P31" s="945">
        <v>4</v>
      </c>
      <c r="Q31" s="932">
        <v>0.1</v>
      </c>
      <c r="R31" s="945">
        <v>651</v>
      </c>
      <c r="S31" s="946">
        <v>302</v>
      </c>
      <c r="T31" s="930">
        <v>349</v>
      </c>
      <c r="U31" s="930">
        <v>2816</v>
      </c>
      <c r="V31" s="931">
        <v>10.5</v>
      </c>
      <c r="W31" s="930">
        <v>1431</v>
      </c>
      <c r="X31" s="932">
        <v>9.5</v>
      </c>
      <c r="Y31" s="930">
        <v>1385</v>
      </c>
      <c r="Z31" s="932">
        <v>11.6</v>
      </c>
      <c r="AA31" s="930">
        <v>2165</v>
      </c>
      <c r="AB31" s="931">
        <v>8.3000000000000007</v>
      </c>
      <c r="AC31" s="930">
        <v>1129</v>
      </c>
      <c r="AD31" s="932">
        <v>7.6</v>
      </c>
      <c r="AE31" s="930">
        <v>1036</v>
      </c>
      <c r="AF31" s="931">
        <v>9.1</v>
      </c>
    </row>
    <row r="32" spans="1:32" s="319" customFormat="1" ht="22.5" customHeight="1">
      <c r="A32" s="341">
        <v>387756</v>
      </c>
      <c r="B32" s="320" t="s">
        <v>587</v>
      </c>
      <c r="C32" s="945">
        <v>-451</v>
      </c>
      <c r="D32" s="946">
        <v>-480</v>
      </c>
      <c r="E32" s="945">
        <v>29</v>
      </c>
      <c r="F32" s="930">
        <v>-704</v>
      </c>
      <c r="G32" s="946">
        <v>-480</v>
      </c>
      <c r="H32" s="945">
        <v>-224</v>
      </c>
      <c r="I32" s="948" t="s">
        <v>70</v>
      </c>
      <c r="J32" s="949" t="s">
        <v>70</v>
      </c>
      <c r="K32" s="949" t="s">
        <v>70</v>
      </c>
      <c r="L32" s="930">
        <v>704</v>
      </c>
      <c r="M32" s="931">
        <v>7.7</v>
      </c>
      <c r="N32" s="930">
        <v>480</v>
      </c>
      <c r="O32" s="932">
        <v>10.199999999999999</v>
      </c>
      <c r="P32" s="945">
        <v>224</v>
      </c>
      <c r="Q32" s="932">
        <v>5.0999999999999996</v>
      </c>
      <c r="R32" s="945">
        <v>253</v>
      </c>
      <c r="S32" s="946">
        <v>0</v>
      </c>
      <c r="T32" s="945">
        <v>253</v>
      </c>
      <c r="U32" s="930">
        <v>22245</v>
      </c>
      <c r="V32" s="931">
        <v>82.6</v>
      </c>
      <c r="W32" s="930">
        <v>12805</v>
      </c>
      <c r="X32" s="932">
        <v>85.3</v>
      </c>
      <c r="Y32" s="930">
        <v>9440</v>
      </c>
      <c r="Z32" s="932">
        <v>79.3</v>
      </c>
      <c r="AA32" s="930">
        <v>21992</v>
      </c>
      <c r="AB32" s="931">
        <v>84.1</v>
      </c>
      <c r="AC32" s="930">
        <v>12805</v>
      </c>
      <c r="AD32" s="932">
        <v>86.8</v>
      </c>
      <c r="AE32" s="930">
        <v>9187</v>
      </c>
      <c r="AF32" s="931">
        <v>80.599999999999994</v>
      </c>
    </row>
    <row r="33" spans="1:32" s="319" customFormat="1" ht="22.5" customHeight="1" thickBot="1">
      <c r="A33" s="556">
        <v>222384</v>
      </c>
      <c r="B33" s="321" t="s">
        <v>588</v>
      </c>
      <c r="C33" s="958">
        <v>-8513</v>
      </c>
      <c r="D33" s="959">
        <v>-4266</v>
      </c>
      <c r="E33" s="958">
        <v>-4247</v>
      </c>
      <c r="F33" s="940">
        <v>-8376</v>
      </c>
      <c r="G33" s="959">
        <v>-4222</v>
      </c>
      <c r="H33" s="958">
        <v>-4154</v>
      </c>
      <c r="I33" s="960" t="s">
        <v>70</v>
      </c>
      <c r="J33" s="961" t="s">
        <v>70</v>
      </c>
      <c r="K33" s="961" t="s">
        <v>70</v>
      </c>
      <c r="L33" s="940">
        <v>8376</v>
      </c>
      <c r="M33" s="941">
        <v>92.1</v>
      </c>
      <c r="N33" s="940">
        <v>4222</v>
      </c>
      <c r="O33" s="942">
        <v>89.7</v>
      </c>
      <c r="P33" s="958">
        <v>4154</v>
      </c>
      <c r="Q33" s="942">
        <v>94.8</v>
      </c>
      <c r="R33" s="958">
        <v>-137</v>
      </c>
      <c r="S33" s="959">
        <v>-44</v>
      </c>
      <c r="T33" s="958">
        <v>-93</v>
      </c>
      <c r="U33" s="940">
        <v>1862</v>
      </c>
      <c r="V33" s="941">
        <v>6.9</v>
      </c>
      <c r="W33" s="940">
        <v>782</v>
      </c>
      <c r="X33" s="942">
        <v>5.2</v>
      </c>
      <c r="Y33" s="940">
        <v>1080</v>
      </c>
      <c r="Z33" s="942">
        <v>9.1</v>
      </c>
      <c r="AA33" s="940">
        <v>1999</v>
      </c>
      <c r="AB33" s="941">
        <v>7.6</v>
      </c>
      <c r="AC33" s="940">
        <v>826</v>
      </c>
      <c r="AD33" s="942">
        <v>5.6</v>
      </c>
      <c r="AE33" s="940">
        <v>1173</v>
      </c>
      <c r="AF33" s="941">
        <v>10.3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89</v>
      </c>
    </row>
    <row r="37" spans="1:32" s="322" customFormat="1" ht="18" customHeight="1">
      <c r="A37" s="962" t="s">
        <v>590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91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614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F1" s="546" t="s">
        <v>614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545</v>
      </c>
      <c r="G5" s="1141"/>
      <c r="H5" s="1142"/>
      <c r="I5" s="1140" t="s">
        <v>502</v>
      </c>
      <c r="J5" s="1141"/>
      <c r="K5" s="1142"/>
      <c r="L5" s="1140" t="s">
        <v>503</v>
      </c>
      <c r="M5" s="1141"/>
      <c r="N5" s="1141"/>
      <c r="O5" s="1141"/>
      <c r="P5" s="1141"/>
      <c r="Q5" s="1142"/>
      <c r="R5" s="1140" t="s">
        <v>546</v>
      </c>
      <c r="S5" s="1141"/>
      <c r="T5" s="1142"/>
      <c r="U5" s="1140" t="s">
        <v>419</v>
      </c>
      <c r="V5" s="1141"/>
      <c r="W5" s="1141"/>
      <c r="X5" s="1141"/>
      <c r="Y5" s="1141"/>
      <c r="Z5" s="1142"/>
      <c r="AA5" s="1140" t="s">
        <v>547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48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7</v>
      </c>
      <c r="N7" s="537" t="s">
        <v>189</v>
      </c>
      <c r="O7" s="1009" t="s">
        <v>517</v>
      </c>
      <c r="P7" s="770" t="s">
        <v>189</v>
      </c>
      <c r="Q7" s="87" t="s">
        <v>517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7</v>
      </c>
      <c r="W7" s="537" t="s">
        <v>189</v>
      </c>
      <c r="X7" s="87" t="s">
        <v>517</v>
      </c>
      <c r="Y7" s="537" t="s">
        <v>189</v>
      </c>
      <c r="Z7" s="87" t="s">
        <v>517</v>
      </c>
      <c r="AA7" s="537" t="s">
        <v>189</v>
      </c>
      <c r="AB7" s="87" t="s">
        <v>517</v>
      </c>
      <c r="AC7" s="537" t="s">
        <v>189</v>
      </c>
      <c r="AD7" s="87" t="s">
        <v>517</v>
      </c>
      <c r="AE7" s="537" t="s">
        <v>189</v>
      </c>
      <c r="AF7" s="87" t="s">
        <v>517</v>
      </c>
    </row>
    <row r="8" spans="1:36" s="547" customFormat="1" ht="22.5" customHeight="1">
      <c r="A8" s="551">
        <v>1586768</v>
      </c>
      <c r="B8" s="312" t="s">
        <v>191</v>
      </c>
      <c r="C8" s="923">
        <v>2129</v>
      </c>
      <c r="D8" s="924">
        <v>-86</v>
      </c>
      <c r="E8" s="923">
        <v>2215</v>
      </c>
      <c r="F8" s="925">
        <v>-4997</v>
      </c>
      <c r="G8" s="924">
        <v>-3238</v>
      </c>
      <c r="H8" s="923">
        <v>-1759</v>
      </c>
      <c r="I8" s="925">
        <v>10274</v>
      </c>
      <c r="J8" s="924">
        <v>5227</v>
      </c>
      <c r="K8" s="924">
        <v>5047</v>
      </c>
      <c r="L8" s="925">
        <v>15271</v>
      </c>
      <c r="M8" s="313" t="s">
        <v>549</v>
      </c>
      <c r="N8" s="925">
        <v>8465</v>
      </c>
      <c r="O8" s="1010" t="s">
        <v>519</v>
      </c>
      <c r="P8" s="923">
        <v>6806</v>
      </c>
      <c r="Q8" s="313" t="s">
        <v>519</v>
      </c>
      <c r="R8" s="924">
        <v>7126</v>
      </c>
      <c r="S8" s="924">
        <v>3152</v>
      </c>
      <c r="T8" s="923">
        <v>3974</v>
      </c>
      <c r="U8" s="925">
        <v>76182</v>
      </c>
      <c r="V8" s="313" t="s">
        <v>519</v>
      </c>
      <c r="W8" s="925">
        <v>41156</v>
      </c>
      <c r="X8" s="313" t="s">
        <v>519</v>
      </c>
      <c r="Y8" s="925">
        <v>35026</v>
      </c>
      <c r="Z8" s="313" t="s">
        <v>519</v>
      </c>
      <c r="AA8" s="925">
        <v>69056</v>
      </c>
      <c r="AB8" s="313" t="s">
        <v>519</v>
      </c>
      <c r="AC8" s="925">
        <v>38004</v>
      </c>
      <c r="AD8" s="313" t="s">
        <v>519</v>
      </c>
      <c r="AE8" s="925">
        <v>31052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54333</v>
      </c>
      <c r="B10" s="342" t="s">
        <v>577</v>
      </c>
      <c r="C10" s="945">
        <v>10816</v>
      </c>
      <c r="D10" s="946">
        <v>5433</v>
      </c>
      <c r="E10" s="945">
        <v>5383</v>
      </c>
      <c r="F10" s="930">
        <v>10251</v>
      </c>
      <c r="G10" s="946">
        <v>5216</v>
      </c>
      <c r="H10" s="945">
        <v>5035</v>
      </c>
      <c r="I10" s="947">
        <v>10274</v>
      </c>
      <c r="J10" s="930">
        <v>5227</v>
      </c>
      <c r="K10" s="946">
        <v>5047</v>
      </c>
      <c r="L10" s="936">
        <v>23</v>
      </c>
      <c r="M10" s="931">
        <v>0.2</v>
      </c>
      <c r="N10" s="936">
        <v>11</v>
      </c>
      <c r="O10" s="932">
        <v>0.1</v>
      </c>
      <c r="P10" s="952">
        <v>12</v>
      </c>
      <c r="Q10" s="932">
        <v>0.2</v>
      </c>
      <c r="R10" s="945">
        <v>565</v>
      </c>
      <c r="S10" s="946">
        <v>217</v>
      </c>
      <c r="T10" s="945">
        <v>348</v>
      </c>
      <c r="U10" s="930">
        <v>4052</v>
      </c>
      <c r="V10" s="931">
        <v>5.3</v>
      </c>
      <c r="W10" s="936">
        <v>2067</v>
      </c>
      <c r="X10" s="932">
        <v>5</v>
      </c>
      <c r="Y10" s="936">
        <v>1985</v>
      </c>
      <c r="Z10" s="932">
        <v>5.7</v>
      </c>
      <c r="AA10" s="930">
        <v>3487</v>
      </c>
      <c r="AB10" s="931">
        <v>5</v>
      </c>
      <c r="AC10" s="936">
        <v>1850</v>
      </c>
      <c r="AD10" s="932">
        <v>4.9000000000000004</v>
      </c>
      <c r="AE10" s="930">
        <v>1637</v>
      </c>
      <c r="AF10" s="931">
        <v>5.3</v>
      </c>
    </row>
    <row r="11" spans="1:36" s="319" customFormat="1" ht="22.5" customHeight="1">
      <c r="A11" s="341">
        <v>61440</v>
      </c>
      <c r="B11" s="343" t="s">
        <v>424</v>
      </c>
      <c r="C11" s="945">
        <v>-96</v>
      </c>
      <c r="D11" s="946">
        <v>-16</v>
      </c>
      <c r="E11" s="945">
        <v>-80</v>
      </c>
      <c r="F11" s="930">
        <v>-4</v>
      </c>
      <c r="G11" s="946">
        <v>-1</v>
      </c>
      <c r="H11" s="945">
        <v>-3</v>
      </c>
      <c r="I11" s="948" t="s">
        <v>70</v>
      </c>
      <c r="J11" s="949" t="s">
        <v>579</v>
      </c>
      <c r="K11" s="949" t="s">
        <v>70</v>
      </c>
      <c r="L11" s="930">
        <v>4</v>
      </c>
      <c r="M11" s="931">
        <v>0</v>
      </c>
      <c r="N11" s="930">
        <v>1</v>
      </c>
      <c r="O11" s="932">
        <v>0</v>
      </c>
      <c r="P11" s="945">
        <v>3</v>
      </c>
      <c r="Q11" s="932">
        <v>0</v>
      </c>
      <c r="R11" s="945">
        <v>-92</v>
      </c>
      <c r="S11" s="946">
        <v>-15</v>
      </c>
      <c r="T11" s="945">
        <v>-77</v>
      </c>
      <c r="U11" s="930">
        <v>1651</v>
      </c>
      <c r="V11" s="931">
        <v>2.2000000000000002</v>
      </c>
      <c r="W11" s="930">
        <v>850</v>
      </c>
      <c r="X11" s="932">
        <v>2.1</v>
      </c>
      <c r="Y11" s="930">
        <v>801</v>
      </c>
      <c r="Z11" s="932">
        <v>2.2999999999999998</v>
      </c>
      <c r="AA11" s="930">
        <v>1743</v>
      </c>
      <c r="AB11" s="931">
        <v>2.5</v>
      </c>
      <c r="AC11" s="930">
        <v>865</v>
      </c>
      <c r="AD11" s="932">
        <v>2.2999999999999998</v>
      </c>
      <c r="AE11" s="930">
        <v>878</v>
      </c>
      <c r="AF11" s="931">
        <v>2.8</v>
      </c>
    </row>
    <row r="12" spans="1:36" s="319" customFormat="1" ht="22.5" customHeight="1">
      <c r="A12" s="341">
        <v>66609</v>
      </c>
      <c r="B12" s="343" t="s">
        <v>580</v>
      </c>
      <c r="C12" s="945">
        <v>109</v>
      </c>
      <c r="D12" s="946">
        <v>44</v>
      </c>
      <c r="E12" s="945">
        <v>65</v>
      </c>
      <c r="F12" s="930">
        <v>-4</v>
      </c>
      <c r="G12" s="946">
        <v>-2</v>
      </c>
      <c r="H12" s="945">
        <v>-2</v>
      </c>
      <c r="I12" s="948" t="s">
        <v>579</v>
      </c>
      <c r="J12" s="949" t="s">
        <v>70</v>
      </c>
      <c r="K12" s="949" t="s">
        <v>70</v>
      </c>
      <c r="L12" s="930">
        <v>4</v>
      </c>
      <c r="M12" s="931">
        <v>0</v>
      </c>
      <c r="N12" s="930">
        <v>2</v>
      </c>
      <c r="O12" s="932">
        <v>0</v>
      </c>
      <c r="P12" s="945">
        <v>2</v>
      </c>
      <c r="Q12" s="932">
        <v>0</v>
      </c>
      <c r="R12" s="945">
        <v>113</v>
      </c>
      <c r="S12" s="946">
        <v>46</v>
      </c>
      <c r="T12" s="945">
        <v>67</v>
      </c>
      <c r="U12" s="930">
        <v>966</v>
      </c>
      <c r="V12" s="931">
        <v>1.3</v>
      </c>
      <c r="W12" s="930">
        <v>517</v>
      </c>
      <c r="X12" s="932">
        <v>1.3</v>
      </c>
      <c r="Y12" s="930">
        <v>449</v>
      </c>
      <c r="Z12" s="932">
        <v>1.3</v>
      </c>
      <c r="AA12" s="930">
        <v>853</v>
      </c>
      <c r="AB12" s="931">
        <v>1.2</v>
      </c>
      <c r="AC12" s="930">
        <v>471</v>
      </c>
      <c r="AD12" s="932">
        <v>1.2</v>
      </c>
      <c r="AE12" s="930">
        <v>382</v>
      </c>
      <c r="AF12" s="931">
        <v>1.2</v>
      </c>
    </row>
    <row r="13" spans="1:36" s="319" customFormat="1" ht="22.5" customHeight="1">
      <c r="A13" s="341">
        <v>69150</v>
      </c>
      <c r="B13" s="343" t="s">
        <v>615</v>
      </c>
      <c r="C13" s="945">
        <v>988</v>
      </c>
      <c r="D13" s="946">
        <v>398</v>
      </c>
      <c r="E13" s="945">
        <v>590</v>
      </c>
      <c r="F13" s="930">
        <v>-18</v>
      </c>
      <c r="G13" s="946">
        <v>-13</v>
      </c>
      <c r="H13" s="945">
        <v>-5</v>
      </c>
      <c r="I13" s="948" t="s">
        <v>70</v>
      </c>
      <c r="J13" s="949" t="s">
        <v>70</v>
      </c>
      <c r="K13" s="949" t="s">
        <v>70</v>
      </c>
      <c r="L13" s="930">
        <v>18</v>
      </c>
      <c r="M13" s="931">
        <v>0.1</v>
      </c>
      <c r="N13" s="930">
        <v>13</v>
      </c>
      <c r="O13" s="932">
        <v>0.2</v>
      </c>
      <c r="P13" s="945">
        <v>5</v>
      </c>
      <c r="Q13" s="932">
        <v>0.1</v>
      </c>
      <c r="R13" s="945">
        <v>1006</v>
      </c>
      <c r="S13" s="946">
        <v>411</v>
      </c>
      <c r="T13" s="945">
        <v>595</v>
      </c>
      <c r="U13" s="930">
        <v>2674</v>
      </c>
      <c r="V13" s="931">
        <v>3.5</v>
      </c>
      <c r="W13" s="930">
        <v>1308</v>
      </c>
      <c r="X13" s="932">
        <v>3.2</v>
      </c>
      <c r="Y13" s="930">
        <v>1366</v>
      </c>
      <c r="Z13" s="932">
        <v>3.9</v>
      </c>
      <c r="AA13" s="930">
        <v>1668</v>
      </c>
      <c r="AB13" s="931">
        <v>2.4</v>
      </c>
      <c r="AC13" s="930">
        <v>897</v>
      </c>
      <c r="AD13" s="932">
        <v>2.4</v>
      </c>
      <c r="AE13" s="930">
        <v>771</v>
      </c>
      <c r="AF13" s="931">
        <v>2.5</v>
      </c>
    </row>
    <row r="14" spans="1:36" s="319" customFormat="1" ht="22.5" customHeight="1">
      <c r="A14" s="324">
        <v>85449</v>
      </c>
      <c r="B14" s="344" t="s">
        <v>601</v>
      </c>
      <c r="C14" s="943">
        <v>1401</v>
      </c>
      <c r="D14" s="944">
        <v>554</v>
      </c>
      <c r="E14" s="943">
        <v>847</v>
      </c>
      <c r="F14" s="934">
        <v>-26</v>
      </c>
      <c r="G14" s="944">
        <v>-21</v>
      </c>
      <c r="H14" s="943">
        <v>-5</v>
      </c>
      <c r="I14" s="950" t="s">
        <v>70</v>
      </c>
      <c r="J14" s="951" t="s">
        <v>70</v>
      </c>
      <c r="K14" s="951" t="s">
        <v>70</v>
      </c>
      <c r="L14" s="930">
        <v>26</v>
      </c>
      <c r="M14" s="933">
        <v>0.2</v>
      </c>
      <c r="N14" s="934">
        <v>21</v>
      </c>
      <c r="O14" s="935">
        <v>0.2</v>
      </c>
      <c r="P14" s="943">
        <v>5</v>
      </c>
      <c r="Q14" s="935">
        <v>0.1</v>
      </c>
      <c r="R14" s="963">
        <v>1427</v>
      </c>
      <c r="S14" s="944">
        <v>575</v>
      </c>
      <c r="T14" s="943">
        <v>852</v>
      </c>
      <c r="U14" s="930">
        <v>12966</v>
      </c>
      <c r="V14" s="933">
        <v>17</v>
      </c>
      <c r="W14" s="934">
        <v>6552</v>
      </c>
      <c r="X14" s="935">
        <v>15.9</v>
      </c>
      <c r="Y14" s="934">
        <v>6414</v>
      </c>
      <c r="Z14" s="935">
        <v>18.3</v>
      </c>
      <c r="AA14" s="934">
        <v>11539</v>
      </c>
      <c r="AB14" s="933">
        <v>16.7</v>
      </c>
      <c r="AC14" s="934">
        <v>5977</v>
      </c>
      <c r="AD14" s="935">
        <v>15.7</v>
      </c>
      <c r="AE14" s="934">
        <v>5562</v>
      </c>
      <c r="AF14" s="933">
        <v>17.899999999999999</v>
      </c>
    </row>
    <row r="15" spans="1:36" s="319" customFormat="1" ht="22.5" customHeight="1">
      <c r="A15" s="341">
        <v>82458</v>
      </c>
      <c r="B15" s="343" t="s">
        <v>602</v>
      </c>
      <c r="C15" s="945">
        <v>752</v>
      </c>
      <c r="D15" s="946">
        <v>406</v>
      </c>
      <c r="E15" s="945">
        <v>346</v>
      </c>
      <c r="F15" s="930">
        <v>-29</v>
      </c>
      <c r="G15" s="946">
        <v>-14</v>
      </c>
      <c r="H15" s="945">
        <v>-15</v>
      </c>
      <c r="I15" s="948" t="s">
        <v>70</v>
      </c>
      <c r="J15" s="949" t="s">
        <v>70</v>
      </c>
      <c r="K15" s="949" t="s">
        <v>70</v>
      </c>
      <c r="L15" s="936">
        <v>29</v>
      </c>
      <c r="M15" s="931">
        <v>0.2</v>
      </c>
      <c r="N15" s="930">
        <v>14</v>
      </c>
      <c r="O15" s="932">
        <v>0.2</v>
      </c>
      <c r="P15" s="945">
        <v>15</v>
      </c>
      <c r="Q15" s="932">
        <v>0.2</v>
      </c>
      <c r="R15" s="945">
        <v>781</v>
      </c>
      <c r="S15" s="946">
        <v>420</v>
      </c>
      <c r="T15" s="945">
        <v>361</v>
      </c>
      <c r="U15" s="936">
        <v>16349</v>
      </c>
      <c r="V15" s="931">
        <v>21.5</v>
      </c>
      <c r="W15" s="930">
        <v>8844</v>
      </c>
      <c r="X15" s="932">
        <v>21.5</v>
      </c>
      <c r="Y15" s="930">
        <v>7505</v>
      </c>
      <c r="Z15" s="932">
        <v>21.4</v>
      </c>
      <c r="AA15" s="930">
        <v>15568</v>
      </c>
      <c r="AB15" s="931">
        <v>22.5</v>
      </c>
      <c r="AC15" s="930">
        <v>8424</v>
      </c>
      <c r="AD15" s="932">
        <v>22.2</v>
      </c>
      <c r="AE15" s="930">
        <v>7144</v>
      </c>
      <c r="AF15" s="931">
        <v>23</v>
      </c>
    </row>
    <row r="16" spans="1:36" s="319" customFormat="1" ht="22.5" customHeight="1">
      <c r="A16" s="341">
        <v>82096</v>
      </c>
      <c r="B16" s="343" t="s">
        <v>603</v>
      </c>
      <c r="C16" s="945">
        <v>704</v>
      </c>
      <c r="D16" s="946">
        <v>370</v>
      </c>
      <c r="E16" s="945">
        <v>334</v>
      </c>
      <c r="F16" s="930">
        <v>-42</v>
      </c>
      <c r="G16" s="946">
        <v>-27</v>
      </c>
      <c r="H16" s="945">
        <v>-15</v>
      </c>
      <c r="I16" s="948" t="s">
        <v>70</v>
      </c>
      <c r="J16" s="949" t="s">
        <v>70</v>
      </c>
      <c r="K16" s="949" t="s">
        <v>70</v>
      </c>
      <c r="L16" s="930">
        <v>42</v>
      </c>
      <c r="M16" s="931">
        <v>0.3</v>
      </c>
      <c r="N16" s="930">
        <v>27</v>
      </c>
      <c r="O16" s="932">
        <v>0.3</v>
      </c>
      <c r="P16" s="945">
        <v>15</v>
      </c>
      <c r="Q16" s="932">
        <v>0.2</v>
      </c>
      <c r="R16" s="945">
        <v>746</v>
      </c>
      <c r="S16" s="946">
        <v>397</v>
      </c>
      <c r="T16" s="945">
        <v>349</v>
      </c>
      <c r="U16" s="930">
        <v>10473</v>
      </c>
      <c r="V16" s="931">
        <v>13.7</v>
      </c>
      <c r="W16" s="930">
        <v>5909</v>
      </c>
      <c r="X16" s="932">
        <v>14.4</v>
      </c>
      <c r="Y16" s="930">
        <v>4564</v>
      </c>
      <c r="Z16" s="932">
        <v>13</v>
      </c>
      <c r="AA16" s="930">
        <v>9727</v>
      </c>
      <c r="AB16" s="931">
        <v>14.1</v>
      </c>
      <c r="AC16" s="930">
        <v>5512</v>
      </c>
      <c r="AD16" s="932">
        <v>14.5</v>
      </c>
      <c r="AE16" s="930">
        <v>4215</v>
      </c>
      <c r="AF16" s="931">
        <v>13.6</v>
      </c>
    </row>
    <row r="17" spans="1:32" s="319" customFormat="1" ht="22.5" customHeight="1">
      <c r="A17" s="341">
        <v>91534</v>
      </c>
      <c r="B17" s="343" t="s">
        <v>604</v>
      </c>
      <c r="C17" s="945">
        <v>492</v>
      </c>
      <c r="D17" s="946">
        <v>243</v>
      </c>
      <c r="E17" s="945">
        <v>249</v>
      </c>
      <c r="F17" s="930">
        <v>-63</v>
      </c>
      <c r="G17" s="946">
        <v>-43</v>
      </c>
      <c r="H17" s="945">
        <v>-20</v>
      </c>
      <c r="I17" s="948" t="s">
        <v>70</v>
      </c>
      <c r="J17" s="949" t="s">
        <v>70</v>
      </c>
      <c r="K17" s="949" t="s">
        <v>70</v>
      </c>
      <c r="L17" s="930">
        <v>63</v>
      </c>
      <c r="M17" s="931">
        <v>0.4</v>
      </c>
      <c r="N17" s="930">
        <v>43</v>
      </c>
      <c r="O17" s="932">
        <v>0.5</v>
      </c>
      <c r="P17" s="945">
        <v>20</v>
      </c>
      <c r="Q17" s="932">
        <v>0.3</v>
      </c>
      <c r="R17" s="945">
        <v>555</v>
      </c>
      <c r="S17" s="946">
        <v>286</v>
      </c>
      <c r="T17" s="945">
        <v>269</v>
      </c>
      <c r="U17" s="930">
        <v>6582</v>
      </c>
      <c r="V17" s="931">
        <v>8.6</v>
      </c>
      <c r="W17" s="930">
        <v>3897</v>
      </c>
      <c r="X17" s="932">
        <v>9.5</v>
      </c>
      <c r="Y17" s="930">
        <v>2685</v>
      </c>
      <c r="Z17" s="932">
        <v>7.7</v>
      </c>
      <c r="AA17" s="930">
        <v>6027</v>
      </c>
      <c r="AB17" s="931">
        <v>8.6999999999999993</v>
      </c>
      <c r="AC17" s="930">
        <v>3611</v>
      </c>
      <c r="AD17" s="932">
        <v>9.5</v>
      </c>
      <c r="AE17" s="930">
        <v>2416</v>
      </c>
      <c r="AF17" s="931">
        <v>7.8</v>
      </c>
    </row>
    <row r="18" spans="1:32" s="319" customFormat="1" ht="22.5" customHeight="1">
      <c r="A18" s="341">
        <v>104755</v>
      </c>
      <c r="B18" s="343" t="s">
        <v>605</v>
      </c>
      <c r="C18" s="945">
        <v>262</v>
      </c>
      <c r="D18" s="946">
        <v>136</v>
      </c>
      <c r="E18" s="945">
        <v>126</v>
      </c>
      <c r="F18" s="930">
        <v>-111</v>
      </c>
      <c r="G18" s="946">
        <v>-68</v>
      </c>
      <c r="H18" s="945">
        <v>-43</v>
      </c>
      <c r="I18" s="948" t="s">
        <v>70</v>
      </c>
      <c r="J18" s="949" t="s">
        <v>70</v>
      </c>
      <c r="K18" s="949" t="s">
        <v>70</v>
      </c>
      <c r="L18" s="930">
        <v>111</v>
      </c>
      <c r="M18" s="931">
        <v>0.7</v>
      </c>
      <c r="N18" s="930">
        <v>68</v>
      </c>
      <c r="O18" s="932">
        <v>0.8</v>
      </c>
      <c r="P18" s="945">
        <v>43</v>
      </c>
      <c r="Q18" s="932">
        <v>0.6</v>
      </c>
      <c r="R18" s="945">
        <v>373</v>
      </c>
      <c r="S18" s="946">
        <v>204</v>
      </c>
      <c r="T18" s="945">
        <v>169</v>
      </c>
      <c r="U18" s="930">
        <v>4479</v>
      </c>
      <c r="V18" s="931">
        <v>5.9</v>
      </c>
      <c r="W18" s="930">
        <v>2689</v>
      </c>
      <c r="X18" s="932">
        <v>6.5</v>
      </c>
      <c r="Y18" s="930">
        <v>1790</v>
      </c>
      <c r="Z18" s="932">
        <v>5.0999999999999996</v>
      </c>
      <c r="AA18" s="930">
        <v>4106</v>
      </c>
      <c r="AB18" s="931">
        <v>5.9</v>
      </c>
      <c r="AC18" s="930">
        <v>2485</v>
      </c>
      <c r="AD18" s="932">
        <v>6.5</v>
      </c>
      <c r="AE18" s="930">
        <v>1621</v>
      </c>
      <c r="AF18" s="931">
        <v>5.2</v>
      </c>
    </row>
    <row r="19" spans="1:32" s="319" customFormat="1" ht="22.5" customHeight="1">
      <c r="A19" s="324">
        <v>128941</v>
      </c>
      <c r="B19" s="344" t="s">
        <v>531</v>
      </c>
      <c r="C19" s="943">
        <v>108</v>
      </c>
      <c r="D19" s="944">
        <v>-6</v>
      </c>
      <c r="E19" s="943">
        <v>114</v>
      </c>
      <c r="F19" s="934">
        <v>-179</v>
      </c>
      <c r="G19" s="944">
        <v>-120</v>
      </c>
      <c r="H19" s="943">
        <v>-59</v>
      </c>
      <c r="I19" s="950" t="s">
        <v>70</v>
      </c>
      <c r="J19" s="951" t="s">
        <v>70</v>
      </c>
      <c r="K19" s="951" t="s">
        <v>70</v>
      </c>
      <c r="L19" s="930">
        <v>179</v>
      </c>
      <c r="M19" s="933">
        <v>1.2</v>
      </c>
      <c r="N19" s="934">
        <v>120</v>
      </c>
      <c r="O19" s="935">
        <v>1.4</v>
      </c>
      <c r="P19" s="945">
        <v>59</v>
      </c>
      <c r="Q19" s="935">
        <v>0.9</v>
      </c>
      <c r="R19" s="943">
        <v>287</v>
      </c>
      <c r="S19" s="944">
        <v>114</v>
      </c>
      <c r="T19" s="943">
        <v>173</v>
      </c>
      <c r="U19" s="930">
        <v>3771</v>
      </c>
      <c r="V19" s="933">
        <v>4.9000000000000004</v>
      </c>
      <c r="W19" s="934">
        <v>2233</v>
      </c>
      <c r="X19" s="935">
        <v>5.4</v>
      </c>
      <c r="Y19" s="934">
        <v>1538</v>
      </c>
      <c r="Z19" s="935">
        <v>4.4000000000000004</v>
      </c>
      <c r="AA19" s="934">
        <v>3484</v>
      </c>
      <c r="AB19" s="933">
        <v>5</v>
      </c>
      <c r="AC19" s="934">
        <v>2119</v>
      </c>
      <c r="AD19" s="935">
        <v>5.6</v>
      </c>
      <c r="AE19" s="934">
        <v>1365</v>
      </c>
      <c r="AF19" s="933">
        <v>4.4000000000000004</v>
      </c>
    </row>
    <row r="20" spans="1:32" s="319" customFormat="1" ht="22.5" customHeight="1">
      <c r="A20" s="341">
        <v>129432</v>
      </c>
      <c r="B20" s="343" t="s">
        <v>606</v>
      </c>
      <c r="C20" s="945">
        <v>66</v>
      </c>
      <c r="D20" s="946">
        <v>-89</v>
      </c>
      <c r="E20" s="945">
        <v>155</v>
      </c>
      <c r="F20" s="930">
        <v>-323</v>
      </c>
      <c r="G20" s="946">
        <v>-223</v>
      </c>
      <c r="H20" s="945">
        <v>-100</v>
      </c>
      <c r="I20" s="948" t="s">
        <v>70</v>
      </c>
      <c r="J20" s="949" t="s">
        <v>70</v>
      </c>
      <c r="K20" s="949" t="s">
        <v>70</v>
      </c>
      <c r="L20" s="936">
        <v>323</v>
      </c>
      <c r="M20" s="931">
        <v>2.1</v>
      </c>
      <c r="N20" s="930">
        <v>223</v>
      </c>
      <c r="O20" s="932">
        <v>2.6</v>
      </c>
      <c r="P20" s="952">
        <v>100</v>
      </c>
      <c r="Q20" s="932">
        <v>1.5</v>
      </c>
      <c r="R20" s="945">
        <v>389</v>
      </c>
      <c r="S20" s="946">
        <v>134</v>
      </c>
      <c r="T20" s="945">
        <v>255</v>
      </c>
      <c r="U20" s="936">
        <v>3344</v>
      </c>
      <c r="V20" s="931">
        <v>4.4000000000000004</v>
      </c>
      <c r="W20" s="930">
        <v>1920</v>
      </c>
      <c r="X20" s="932">
        <v>4.7</v>
      </c>
      <c r="Y20" s="930">
        <v>1424</v>
      </c>
      <c r="Z20" s="932">
        <v>4.0999999999999996</v>
      </c>
      <c r="AA20" s="930">
        <v>2955</v>
      </c>
      <c r="AB20" s="931">
        <v>4.3</v>
      </c>
      <c r="AC20" s="936">
        <v>1786</v>
      </c>
      <c r="AD20" s="932">
        <v>4.7</v>
      </c>
      <c r="AE20" s="930">
        <v>1169</v>
      </c>
      <c r="AF20" s="931">
        <v>3.8</v>
      </c>
    </row>
    <row r="21" spans="1:32" s="319" customFormat="1" ht="22.5" customHeight="1">
      <c r="A21" s="341">
        <v>100701</v>
      </c>
      <c r="B21" s="343" t="s">
        <v>607</v>
      </c>
      <c r="C21" s="945">
        <v>-193</v>
      </c>
      <c r="D21" s="946">
        <v>-142</v>
      </c>
      <c r="E21" s="945">
        <v>-51</v>
      </c>
      <c r="F21" s="930">
        <v>-391</v>
      </c>
      <c r="G21" s="946">
        <v>-263</v>
      </c>
      <c r="H21" s="945">
        <v>-128</v>
      </c>
      <c r="I21" s="948" t="s">
        <v>70</v>
      </c>
      <c r="J21" s="949" t="s">
        <v>70</v>
      </c>
      <c r="K21" s="949" t="s">
        <v>70</v>
      </c>
      <c r="L21" s="930">
        <v>391</v>
      </c>
      <c r="M21" s="931">
        <v>2.6</v>
      </c>
      <c r="N21" s="930">
        <v>263</v>
      </c>
      <c r="O21" s="932">
        <v>3.1</v>
      </c>
      <c r="P21" s="945">
        <v>128</v>
      </c>
      <c r="Q21" s="932">
        <v>1.9</v>
      </c>
      <c r="R21" s="945">
        <v>198</v>
      </c>
      <c r="S21" s="946">
        <v>121</v>
      </c>
      <c r="T21" s="945">
        <v>77</v>
      </c>
      <c r="U21" s="930">
        <v>2223</v>
      </c>
      <c r="V21" s="931">
        <v>2.9</v>
      </c>
      <c r="W21" s="930">
        <v>1273</v>
      </c>
      <c r="X21" s="932">
        <v>3.1</v>
      </c>
      <c r="Y21" s="930">
        <v>950</v>
      </c>
      <c r="Z21" s="932">
        <v>2.7</v>
      </c>
      <c r="AA21" s="930">
        <v>2025</v>
      </c>
      <c r="AB21" s="931">
        <v>2.9</v>
      </c>
      <c r="AC21" s="930">
        <v>1152</v>
      </c>
      <c r="AD21" s="932">
        <v>3</v>
      </c>
      <c r="AE21" s="930">
        <v>873</v>
      </c>
      <c r="AF21" s="931">
        <v>2.8</v>
      </c>
    </row>
    <row r="22" spans="1:32" s="319" customFormat="1" ht="22.5" customHeight="1">
      <c r="A22" s="341">
        <v>83726</v>
      </c>
      <c r="B22" s="343" t="s">
        <v>582</v>
      </c>
      <c r="C22" s="945">
        <v>-450</v>
      </c>
      <c r="D22" s="946">
        <v>-329</v>
      </c>
      <c r="E22" s="945">
        <v>-121</v>
      </c>
      <c r="F22" s="930">
        <v>-507</v>
      </c>
      <c r="G22" s="946">
        <v>-374</v>
      </c>
      <c r="H22" s="945">
        <v>-133</v>
      </c>
      <c r="I22" s="948" t="s">
        <v>70</v>
      </c>
      <c r="J22" s="949" t="s">
        <v>70</v>
      </c>
      <c r="K22" s="949" t="s">
        <v>70</v>
      </c>
      <c r="L22" s="930">
        <v>507</v>
      </c>
      <c r="M22" s="931">
        <v>3.3</v>
      </c>
      <c r="N22" s="930">
        <v>374</v>
      </c>
      <c r="O22" s="932">
        <v>4.4000000000000004</v>
      </c>
      <c r="P22" s="945">
        <v>133</v>
      </c>
      <c r="Q22" s="932">
        <v>2</v>
      </c>
      <c r="R22" s="945">
        <v>57</v>
      </c>
      <c r="S22" s="946">
        <v>45</v>
      </c>
      <c r="T22" s="945">
        <v>12</v>
      </c>
      <c r="U22" s="930">
        <v>1491</v>
      </c>
      <c r="V22" s="931">
        <v>2</v>
      </c>
      <c r="W22" s="930">
        <v>877</v>
      </c>
      <c r="X22" s="932">
        <v>2.1</v>
      </c>
      <c r="Y22" s="930">
        <v>614</v>
      </c>
      <c r="Z22" s="932">
        <v>1.8</v>
      </c>
      <c r="AA22" s="930">
        <v>1434</v>
      </c>
      <c r="AB22" s="931">
        <v>2.1</v>
      </c>
      <c r="AC22" s="930">
        <v>832</v>
      </c>
      <c r="AD22" s="932">
        <v>2.2000000000000002</v>
      </c>
      <c r="AE22" s="930">
        <v>602</v>
      </c>
      <c r="AF22" s="931">
        <v>1.9</v>
      </c>
    </row>
    <row r="23" spans="1:32" s="319" customFormat="1" ht="22.5" customHeight="1">
      <c r="A23" s="341">
        <v>85448</v>
      </c>
      <c r="B23" s="343" t="s">
        <v>564</v>
      </c>
      <c r="C23" s="945">
        <v>-718</v>
      </c>
      <c r="D23" s="946">
        <v>-544</v>
      </c>
      <c r="E23" s="945">
        <v>-174</v>
      </c>
      <c r="F23" s="930">
        <v>-771</v>
      </c>
      <c r="G23" s="946">
        <v>-546</v>
      </c>
      <c r="H23" s="945">
        <v>-225</v>
      </c>
      <c r="I23" s="948" t="s">
        <v>70</v>
      </c>
      <c r="J23" s="949" t="s">
        <v>70</v>
      </c>
      <c r="K23" s="949" t="s">
        <v>70</v>
      </c>
      <c r="L23" s="930">
        <v>771</v>
      </c>
      <c r="M23" s="931">
        <v>5</v>
      </c>
      <c r="N23" s="930">
        <v>546</v>
      </c>
      <c r="O23" s="932">
        <v>6.5</v>
      </c>
      <c r="P23" s="945">
        <v>225</v>
      </c>
      <c r="Q23" s="932">
        <v>3.3</v>
      </c>
      <c r="R23" s="945">
        <v>53</v>
      </c>
      <c r="S23" s="946">
        <v>2</v>
      </c>
      <c r="T23" s="945">
        <v>51</v>
      </c>
      <c r="U23" s="930">
        <v>1196</v>
      </c>
      <c r="V23" s="931">
        <v>1.6</v>
      </c>
      <c r="W23" s="930">
        <v>660</v>
      </c>
      <c r="X23" s="932">
        <v>1.6</v>
      </c>
      <c r="Y23" s="930">
        <v>536</v>
      </c>
      <c r="Z23" s="932">
        <v>1.5</v>
      </c>
      <c r="AA23" s="930">
        <v>1143</v>
      </c>
      <c r="AB23" s="931">
        <v>1.7</v>
      </c>
      <c r="AC23" s="930">
        <v>658</v>
      </c>
      <c r="AD23" s="932">
        <v>1.7</v>
      </c>
      <c r="AE23" s="930">
        <v>485</v>
      </c>
      <c r="AF23" s="931">
        <v>1.6</v>
      </c>
    </row>
    <row r="24" spans="1:32" s="319" customFormat="1" ht="22.5" customHeight="1">
      <c r="A24" s="324">
        <v>112034</v>
      </c>
      <c r="B24" s="343" t="s">
        <v>565</v>
      </c>
      <c r="C24" s="943">
        <v>-1541</v>
      </c>
      <c r="D24" s="944">
        <v>-1055</v>
      </c>
      <c r="E24" s="943">
        <v>-486</v>
      </c>
      <c r="F24" s="934">
        <v>-1612</v>
      </c>
      <c r="G24" s="944">
        <v>-1103</v>
      </c>
      <c r="H24" s="943">
        <v>-509</v>
      </c>
      <c r="I24" s="950" t="s">
        <v>70</v>
      </c>
      <c r="J24" s="951" t="s">
        <v>70</v>
      </c>
      <c r="K24" s="951" t="s">
        <v>70</v>
      </c>
      <c r="L24" s="934">
        <v>1612</v>
      </c>
      <c r="M24" s="933">
        <v>10.6</v>
      </c>
      <c r="N24" s="934">
        <v>1103</v>
      </c>
      <c r="O24" s="935">
        <v>13</v>
      </c>
      <c r="P24" s="943">
        <v>509</v>
      </c>
      <c r="Q24" s="935">
        <v>7.5</v>
      </c>
      <c r="R24" s="943">
        <v>71</v>
      </c>
      <c r="S24" s="944">
        <v>48</v>
      </c>
      <c r="T24" s="943">
        <v>23</v>
      </c>
      <c r="U24" s="934">
        <v>1130</v>
      </c>
      <c r="V24" s="933">
        <v>1.5</v>
      </c>
      <c r="W24" s="934">
        <v>579</v>
      </c>
      <c r="X24" s="935">
        <v>1.4</v>
      </c>
      <c r="Y24" s="934">
        <v>551</v>
      </c>
      <c r="Z24" s="935">
        <v>1.6</v>
      </c>
      <c r="AA24" s="930">
        <v>1059</v>
      </c>
      <c r="AB24" s="933">
        <v>1.5</v>
      </c>
      <c r="AC24" s="934">
        <v>531</v>
      </c>
      <c r="AD24" s="935">
        <v>1.4</v>
      </c>
      <c r="AE24" s="934">
        <v>528</v>
      </c>
      <c r="AF24" s="933">
        <v>1.7</v>
      </c>
    </row>
    <row r="25" spans="1:32" s="319" customFormat="1" ht="22.5" customHeight="1">
      <c r="A25" s="341">
        <v>84964</v>
      </c>
      <c r="B25" s="553" t="s">
        <v>583</v>
      </c>
      <c r="C25" s="945">
        <v>-1941</v>
      </c>
      <c r="D25" s="946">
        <v>-1290</v>
      </c>
      <c r="E25" s="945">
        <v>-651</v>
      </c>
      <c r="F25" s="930">
        <v>-1990</v>
      </c>
      <c r="G25" s="946">
        <v>-1288</v>
      </c>
      <c r="H25" s="945">
        <v>-702</v>
      </c>
      <c r="I25" s="948" t="s">
        <v>70</v>
      </c>
      <c r="J25" s="949" t="s">
        <v>70</v>
      </c>
      <c r="K25" s="949" t="s">
        <v>70</v>
      </c>
      <c r="L25" s="936">
        <v>1990</v>
      </c>
      <c r="M25" s="931">
        <v>13</v>
      </c>
      <c r="N25" s="930">
        <v>1288</v>
      </c>
      <c r="O25" s="932">
        <v>15.2</v>
      </c>
      <c r="P25" s="945">
        <v>702</v>
      </c>
      <c r="Q25" s="932">
        <v>10.3</v>
      </c>
      <c r="R25" s="945">
        <v>49</v>
      </c>
      <c r="S25" s="946">
        <v>-2</v>
      </c>
      <c r="T25" s="945">
        <v>51</v>
      </c>
      <c r="U25" s="930">
        <v>838</v>
      </c>
      <c r="V25" s="931">
        <v>1.1000000000000001</v>
      </c>
      <c r="W25" s="930">
        <v>362</v>
      </c>
      <c r="X25" s="932">
        <v>0.9</v>
      </c>
      <c r="Y25" s="930">
        <v>476</v>
      </c>
      <c r="Z25" s="932">
        <v>1.4</v>
      </c>
      <c r="AA25" s="936">
        <v>789</v>
      </c>
      <c r="AB25" s="931">
        <v>1.1000000000000001</v>
      </c>
      <c r="AC25" s="930">
        <v>364</v>
      </c>
      <c r="AD25" s="932">
        <v>1</v>
      </c>
      <c r="AE25" s="930">
        <v>425</v>
      </c>
      <c r="AF25" s="931">
        <v>1.4</v>
      </c>
    </row>
    <row r="26" spans="1:32" s="319" customFormat="1" ht="22.5" customHeight="1">
      <c r="A26" s="341">
        <v>66848</v>
      </c>
      <c r="B26" s="343" t="s">
        <v>616</v>
      </c>
      <c r="C26" s="945">
        <v>-2501</v>
      </c>
      <c r="D26" s="946">
        <v>-1573</v>
      </c>
      <c r="E26" s="945">
        <v>-928</v>
      </c>
      <c r="F26" s="930">
        <v>-2709</v>
      </c>
      <c r="G26" s="946">
        <v>-1641</v>
      </c>
      <c r="H26" s="945">
        <v>-1068</v>
      </c>
      <c r="I26" s="948" t="s">
        <v>70</v>
      </c>
      <c r="J26" s="949" t="s">
        <v>70</v>
      </c>
      <c r="K26" s="949" t="s">
        <v>70</v>
      </c>
      <c r="L26" s="930">
        <v>2709</v>
      </c>
      <c r="M26" s="931">
        <v>17.7</v>
      </c>
      <c r="N26" s="930">
        <v>1641</v>
      </c>
      <c r="O26" s="932">
        <v>19.399999999999999</v>
      </c>
      <c r="P26" s="945">
        <v>1068</v>
      </c>
      <c r="Q26" s="932">
        <v>15.7</v>
      </c>
      <c r="R26" s="945">
        <v>208</v>
      </c>
      <c r="S26" s="946">
        <v>68</v>
      </c>
      <c r="T26" s="945">
        <v>140</v>
      </c>
      <c r="U26" s="930">
        <v>815</v>
      </c>
      <c r="V26" s="931">
        <v>1.1000000000000001</v>
      </c>
      <c r="W26" s="930">
        <v>293</v>
      </c>
      <c r="X26" s="932">
        <v>0.7</v>
      </c>
      <c r="Y26" s="930">
        <v>522</v>
      </c>
      <c r="Z26" s="932">
        <v>1.5</v>
      </c>
      <c r="AA26" s="930">
        <v>607</v>
      </c>
      <c r="AB26" s="931">
        <v>0.9</v>
      </c>
      <c r="AC26" s="930">
        <v>225</v>
      </c>
      <c r="AD26" s="932">
        <v>0.6</v>
      </c>
      <c r="AE26" s="930">
        <v>382</v>
      </c>
      <c r="AF26" s="931">
        <v>1.2</v>
      </c>
    </row>
    <row r="27" spans="1:32" s="319" customFormat="1" ht="22.5" customHeight="1">
      <c r="A27" s="341">
        <v>37432</v>
      </c>
      <c r="B27" s="343" t="s">
        <v>617</v>
      </c>
      <c r="C27" s="945">
        <v>-2685</v>
      </c>
      <c r="D27" s="946">
        <v>-1448</v>
      </c>
      <c r="E27" s="945">
        <v>-1237</v>
      </c>
      <c r="F27" s="930">
        <v>-2846</v>
      </c>
      <c r="G27" s="946">
        <v>-1489</v>
      </c>
      <c r="H27" s="945">
        <v>-1357</v>
      </c>
      <c r="I27" s="948" t="s">
        <v>70</v>
      </c>
      <c r="J27" s="949" t="s">
        <v>70</v>
      </c>
      <c r="K27" s="949" t="s">
        <v>70</v>
      </c>
      <c r="L27" s="930">
        <v>2846</v>
      </c>
      <c r="M27" s="931">
        <v>18.600000000000001</v>
      </c>
      <c r="N27" s="930">
        <v>1489</v>
      </c>
      <c r="O27" s="932">
        <v>17.600000000000001</v>
      </c>
      <c r="P27" s="945">
        <v>1357</v>
      </c>
      <c r="Q27" s="932">
        <v>19.899999999999999</v>
      </c>
      <c r="R27" s="945">
        <v>161</v>
      </c>
      <c r="S27" s="946">
        <v>41</v>
      </c>
      <c r="T27" s="945">
        <v>120</v>
      </c>
      <c r="U27" s="930">
        <v>696</v>
      </c>
      <c r="V27" s="931">
        <v>0.9</v>
      </c>
      <c r="W27" s="930">
        <v>206</v>
      </c>
      <c r="X27" s="932">
        <v>0.5</v>
      </c>
      <c r="Y27" s="930">
        <v>490</v>
      </c>
      <c r="Z27" s="932">
        <v>1.4</v>
      </c>
      <c r="AA27" s="930">
        <v>535</v>
      </c>
      <c r="AB27" s="931">
        <v>0.8</v>
      </c>
      <c r="AC27" s="930">
        <v>165</v>
      </c>
      <c r="AD27" s="932">
        <v>0.4</v>
      </c>
      <c r="AE27" s="930">
        <v>370</v>
      </c>
      <c r="AF27" s="931">
        <v>1.2</v>
      </c>
    </row>
    <row r="28" spans="1:32" s="319" customFormat="1" ht="22.5" customHeight="1">
      <c r="A28" s="341">
        <v>15826</v>
      </c>
      <c r="B28" s="343" t="s">
        <v>569</v>
      </c>
      <c r="C28" s="945">
        <v>-2126</v>
      </c>
      <c r="D28" s="946">
        <v>-877</v>
      </c>
      <c r="E28" s="945">
        <v>-1249</v>
      </c>
      <c r="F28" s="930">
        <v>-2260</v>
      </c>
      <c r="G28" s="946">
        <v>-903</v>
      </c>
      <c r="H28" s="945">
        <v>-1357</v>
      </c>
      <c r="I28" s="948" t="s">
        <v>70</v>
      </c>
      <c r="J28" s="949" t="s">
        <v>70</v>
      </c>
      <c r="K28" s="949" t="s">
        <v>70</v>
      </c>
      <c r="L28" s="930">
        <v>2260</v>
      </c>
      <c r="M28" s="931">
        <v>14.8</v>
      </c>
      <c r="N28" s="930">
        <v>903</v>
      </c>
      <c r="O28" s="932">
        <v>10.7</v>
      </c>
      <c r="P28" s="945">
        <v>1357</v>
      </c>
      <c r="Q28" s="932">
        <v>19.899999999999999</v>
      </c>
      <c r="R28" s="945">
        <v>134</v>
      </c>
      <c r="S28" s="946">
        <v>26</v>
      </c>
      <c r="T28" s="945">
        <v>108</v>
      </c>
      <c r="U28" s="930">
        <v>371</v>
      </c>
      <c r="V28" s="931">
        <v>0.5</v>
      </c>
      <c r="W28" s="930">
        <v>92</v>
      </c>
      <c r="X28" s="932">
        <v>0.2</v>
      </c>
      <c r="Y28" s="930">
        <v>279</v>
      </c>
      <c r="Z28" s="932">
        <v>0.8</v>
      </c>
      <c r="AA28" s="930">
        <v>237</v>
      </c>
      <c r="AB28" s="931">
        <v>0.3</v>
      </c>
      <c r="AC28" s="930">
        <v>66</v>
      </c>
      <c r="AD28" s="932">
        <v>0.2</v>
      </c>
      <c r="AE28" s="930">
        <v>171</v>
      </c>
      <c r="AF28" s="931">
        <v>0.6</v>
      </c>
    </row>
    <row r="29" spans="1:32" s="319" customFormat="1" ht="22.5" customHeight="1">
      <c r="A29" s="324">
        <v>4176</v>
      </c>
      <c r="B29" s="344" t="s">
        <v>442</v>
      </c>
      <c r="C29" s="943">
        <v>-1034</v>
      </c>
      <c r="D29" s="944">
        <v>-261</v>
      </c>
      <c r="E29" s="943">
        <v>-773</v>
      </c>
      <c r="F29" s="934">
        <v>-1080</v>
      </c>
      <c r="G29" s="944">
        <v>-275</v>
      </c>
      <c r="H29" s="943">
        <v>-805</v>
      </c>
      <c r="I29" s="950" t="s">
        <v>70</v>
      </c>
      <c r="J29" s="951" t="s">
        <v>70</v>
      </c>
      <c r="K29" s="951" t="s">
        <v>70</v>
      </c>
      <c r="L29" s="930">
        <v>1080</v>
      </c>
      <c r="M29" s="933">
        <v>7.1</v>
      </c>
      <c r="N29" s="934">
        <v>275</v>
      </c>
      <c r="O29" s="935">
        <v>3.2</v>
      </c>
      <c r="P29" s="943">
        <v>805</v>
      </c>
      <c r="Q29" s="935">
        <v>11.8</v>
      </c>
      <c r="R29" s="943">
        <v>46</v>
      </c>
      <c r="S29" s="944">
        <v>14</v>
      </c>
      <c r="T29" s="943">
        <v>32</v>
      </c>
      <c r="U29" s="930">
        <v>105</v>
      </c>
      <c r="V29" s="933">
        <v>0.1</v>
      </c>
      <c r="W29" s="934">
        <v>26</v>
      </c>
      <c r="X29" s="935">
        <v>0.1</v>
      </c>
      <c r="Y29" s="934">
        <v>79</v>
      </c>
      <c r="Z29" s="935">
        <v>0.2</v>
      </c>
      <c r="AA29" s="934">
        <v>59</v>
      </c>
      <c r="AB29" s="933">
        <v>0.1</v>
      </c>
      <c r="AC29" s="934">
        <v>12</v>
      </c>
      <c r="AD29" s="935">
        <v>0</v>
      </c>
      <c r="AE29" s="934">
        <v>47</v>
      </c>
      <c r="AF29" s="933">
        <v>0.2</v>
      </c>
    </row>
    <row r="30" spans="1:32" s="319" customFormat="1" ht="22.5" customHeight="1">
      <c r="A30" s="554">
        <v>654</v>
      </c>
      <c r="B30" s="555" t="s">
        <v>586</v>
      </c>
      <c r="C30" s="953">
        <v>-283</v>
      </c>
      <c r="D30" s="954">
        <v>-39</v>
      </c>
      <c r="E30" s="937">
        <v>-244</v>
      </c>
      <c r="F30" s="937">
        <v>-283</v>
      </c>
      <c r="G30" s="954">
        <v>-40</v>
      </c>
      <c r="H30" s="955">
        <v>-243</v>
      </c>
      <c r="I30" s="956" t="s">
        <v>70</v>
      </c>
      <c r="J30" s="957" t="s">
        <v>70</v>
      </c>
      <c r="K30" s="957" t="s">
        <v>70</v>
      </c>
      <c r="L30" s="937">
        <v>283</v>
      </c>
      <c r="M30" s="938">
        <v>1.9</v>
      </c>
      <c r="N30" s="937">
        <v>40</v>
      </c>
      <c r="O30" s="939">
        <v>0.5</v>
      </c>
      <c r="P30" s="955">
        <v>243</v>
      </c>
      <c r="Q30" s="939">
        <v>3.6</v>
      </c>
      <c r="R30" s="955">
        <v>0</v>
      </c>
      <c r="S30" s="954">
        <v>1</v>
      </c>
      <c r="T30" s="937">
        <v>-1</v>
      </c>
      <c r="U30" s="937">
        <v>10</v>
      </c>
      <c r="V30" s="938">
        <v>0</v>
      </c>
      <c r="W30" s="937">
        <v>2</v>
      </c>
      <c r="X30" s="939">
        <v>0</v>
      </c>
      <c r="Y30" s="937">
        <v>8</v>
      </c>
      <c r="Z30" s="939">
        <v>0</v>
      </c>
      <c r="AA30" s="937">
        <v>10</v>
      </c>
      <c r="AB30" s="938">
        <v>0</v>
      </c>
      <c r="AC30" s="937">
        <v>1</v>
      </c>
      <c r="AD30" s="939">
        <v>0</v>
      </c>
      <c r="AE30" s="937">
        <v>9</v>
      </c>
      <c r="AF30" s="938">
        <v>0</v>
      </c>
    </row>
    <row r="31" spans="1:32" s="319" customFormat="1" ht="22.5" customHeight="1">
      <c r="A31" s="341">
        <v>182382</v>
      </c>
      <c r="B31" s="320" t="s">
        <v>444</v>
      </c>
      <c r="C31" s="945">
        <v>10829</v>
      </c>
      <c r="D31" s="946">
        <v>5461</v>
      </c>
      <c r="E31" s="945">
        <v>5368</v>
      </c>
      <c r="F31" s="930">
        <v>10243</v>
      </c>
      <c r="G31" s="946">
        <v>5213</v>
      </c>
      <c r="H31" s="945">
        <v>5030</v>
      </c>
      <c r="I31" s="930">
        <v>10274</v>
      </c>
      <c r="J31" s="946">
        <v>5227</v>
      </c>
      <c r="K31" s="946">
        <v>5047</v>
      </c>
      <c r="L31" s="930">
        <v>31</v>
      </c>
      <c r="M31" s="931">
        <v>0.2</v>
      </c>
      <c r="N31" s="930">
        <v>14</v>
      </c>
      <c r="O31" s="932">
        <v>0.2</v>
      </c>
      <c r="P31" s="945">
        <v>17</v>
      </c>
      <c r="Q31" s="932">
        <v>0.2</v>
      </c>
      <c r="R31" s="945">
        <v>586</v>
      </c>
      <c r="S31" s="946">
        <v>248</v>
      </c>
      <c r="T31" s="930">
        <v>338</v>
      </c>
      <c r="U31" s="930">
        <v>6669</v>
      </c>
      <c r="V31" s="931">
        <v>8.8000000000000007</v>
      </c>
      <c r="W31" s="930">
        <v>3434</v>
      </c>
      <c r="X31" s="932">
        <v>8.3000000000000007</v>
      </c>
      <c r="Y31" s="930">
        <v>3235</v>
      </c>
      <c r="Z31" s="932">
        <v>9.1999999999999993</v>
      </c>
      <c r="AA31" s="930">
        <v>6083</v>
      </c>
      <c r="AB31" s="931">
        <v>8.8000000000000007</v>
      </c>
      <c r="AC31" s="930">
        <v>3186</v>
      </c>
      <c r="AD31" s="932">
        <v>8.4</v>
      </c>
      <c r="AE31" s="930">
        <v>2897</v>
      </c>
      <c r="AF31" s="931">
        <v>9.3000000000000007</v>
      </c>
    </row>
    <row r="32" spans="1:32" s="319" customFormat="1" ht="22.5" customHeight="1">
      <c r="A32" s="341">
        <v>958242</v>
      </c>
      <c r="B32" s="320" t="s">
        <v>445</v>
      </c>
      <c r="C32" s="945">
        <v>4130</v>
      </c>
      <c r="D32" s="946">
        <v>1541</v>
      </c>
      <c r="E32" s="945">
        <v>2589</v>
      </c>
      <c r="F32" s="930">
        <v>-1689</v>
      </c>
      <c r="G32" s="946">
        <v>-1166</v>
      </c>
      <c r="H32" s="945">
        <v>-523</v>
      </c>
      <c r="I32" s="948" t="s">
        <v>70</v>
      </c>
      <c r="J32" s="949" t="s">
        <v>70</v>
      </c>
      <c r="K32" s="949" t="s">
        <v>70</v>
      </c>
      <c r="L32" s="930">
        <v>1689</v>
      </c>
      <c r="M32" s="931">
        <v>11.1</v>
      </c>
      <c r="N32" s="930">
        <v>1166</v>
      </c>
      <c r="O32" s="932">
        <v>13.8</v>
      </c>
      <c r="P32" s="945">
        <v>523</v>
      </c>
      <c r="Q32" s="932">
        <v>7.7</v>
      </c>
      <c r="R32" s="945">
        <v>5819</v>
      </c>
      <c r="S32" s="946">
        <v>2707</v>
      </c>
      <c r="T32" s="945">
        <v>3112</v>
      </c>
      <c r="U32" s="930">
        <v>64352</v>
      </c>
      <c r="V32" s="931">
        <v>84.5</v>
      </c>
      <c r="W32" s="930">
        <v>35502</v>
      </c>
      <c r="X32" s="932">
        <v>86.3</v>
      </c>
      <c r="Y32" s="930">
        <v>28850</v>
      </c>
      <c r="Z32" s="932">
        <v>82.4</v>
      </c>
      <c r="AA32" s="930">
        <v>58533</v>
      </c>
      <c r="AB32" s="931">
        <v>84.8</v>
      </c>
      <c r="AC32" s="930">
        <v>32795</v>
      </c>
      <c r="AD32" s="932">
        <v>86.3</v>
      </c>
      <c r="AE32" s="930">
        <v>25738</v>
      </c>
      <c r="AF32" s="931">
        <v>82.9</v>
      </c>
    </row>
    <row r="33" spans="1:32" s="319" customFormat="1" ht="22.5" customHeight="1" thickBot="1">
      <c r="A33" s="556">
        <v>407382</v>
      </c>
      <c r="B33" s="321" t="s">
        <v>446</v>
      </c>
      <c r="C33" s="958">
        <v>-12829</v>
      </c>
      <c r="D33" s="959">
        <v>-7087</v>
      </c>
      <c r="E33" s="958">
        <v>-5742</v>
      </c>
      <c r="F33" s="940">
        <v>-13551</v>
      </c>
      <c r="G33" s="959">
        <v>-7285</v>
      </c>
      <c r="H33" s="958">
        <v>-6266</v>
      </c>
      <c r="I33" s="960" t="s">
        <v>70</v>
      </c>
      <c r="J33" s="961" t="s">
        <v>70</v>
      </c>
      <c r="K33" s="961" t="s">
        <v>70</v>
      </c>
      <c r="L33" s="940">
        <v>13551</v>
      </c>
      <c r="M33" s="941">
        <v>88.7</v>
      </c>
      <c r="N33" s="940">
        <v>7285</v>
      </c>
      <c r="O33" s="942">
        <v>86.1</v>
      </c>
      <c r="P33" s="958">
        <v>6266</v>
      </c>
      <c r="Q33" s="942">
        <v>92.1</v>
      </c>
      <c r="R33" s="958">
        <v>722</v>
      </c>
      <c r="S33" s="959">
        <v>198</v>
      </c>
      <c r="T33" s="958">
        <v>524</v>
      </c>
      <c r="U33" s="940">
        <v>5161</v>
      </c>
      <c r="V33" s="941">
        <v>6.8</v>
      </c>
      <c r="W33" s="940">
        <v>2220</v>
      </c>
      <c r="X33" s="942">
        <v>5.4</v>
      </c>
      <c r="Y33" s="940">
        <v>2941</v>
      </c>
      <c r="Z33" s="942">
        <v>8.4</v>
      </c>
      <c r="AA33" s="940">
        <v>4439</v>
      </c>
      <c r="AB33" s="941">
        <v>6.4</v>
      </c>
      <c r="AC33" s="940">
        <v>2022</v>
      </c>
      <c r="AD33" s="942">
        <v>5.3</v>
      </c>
      <c r="AE33" s="940">
        <v>2417</v>
      </c>
      <c r="AF33" s="941">
        <v>7.8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618</v>
      </c>
    </row>
    <row r="37" spans="1:32" s="322" customFormat="1" ht="18" customHeight="1">
      <c r="A37" s="962" t="s">
        <v>574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75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619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F1" s="546" t="s">
        <v>619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620</v>
      </c>
      <c r="G5" s="1141"/>
      <c r="H5" s="1142"/>
      <c r="I5" s="1140" t="s">
        <v>502</v>
      </c>
      <c r="J5" s="1141"/>
      <c r="K5" s="1142"/>
      <c r="L5" s="1140" t="s">
        <v>621</v>
      </c>
      <c r="M5" s="1141"/>
      <c r="N5" s="1141"/>
      <c r="O5" s="1141"/>
      <c r="P5" s="1141"/>
      <c r="Q5" s="1142"/>
      <c r="R5" s="1140" t="s">
        <v>546</v>
      </c>
      <c r="S5" s="1141"/>
      <c r="T5" s="1142"/>
      <c r="U5" s="1140" t="s">
        <v>419</v>
      </c>
      <c r="V5" s="1141"/>
      <c r="W5" s="1141"/>
      <c r="X5" s="1141"/>
      <c r="Y5" s="1141"/>
      <c r="Z5" s="1142"/>
      <c r="AA5" s="1140" t="s">
        <v>547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48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6</v>
      </c>
      <c r="N7" s="537" t="s">
        <v>189</v>
      </c>
      <c r="O7" s="1009" t="s">
        <v>517</v>
      </c>
      <c r="P7" s="770" t="s">
        <v>189</v>
      </c>
      <c r="Q7" s="87" t="s">
        <v>517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7</v>
      </c>
      <c r="W7" s="537" t="s">
        <v>189</v>
      </c>
      <c r="X7" s="87" t="s">
        <v>517</v>
      </c>
      <c r="Y7" s="537" t="s">
        <v>189</v>
      </c>
      <c r="Z7" s="87" t="s">
        <v>516</v>
      </c>
      <c r="AA7" s="537" t="s">
        <v>189</v>
      </c>
      <c r="AB7" s="87" t="s">
        <v>517</v>
      </c>
      <c r="AC7" s="537" t="s">
        <v>189</v>
      </c>
      <c r="AD7" s="87" t="s">
        <v>517</v>
      </c>
      <c r="AE7" s="537" t="s">
        <v>189</v>
      </c>
      <c r="AF7" s="87" t="s">
        <v>517</v>
      </c>
    </row>
    <row r="8" spans="1:36" s="547" customFormat="1" ht="22.5" customHeight="1">
      <c r="A8" s="551">
        <v>1313636</v>
      </c>
      <c r="B8" s="312" t="s">
        <v>191</v>
      </c>
      <c r="C8" s="923">
        <v>3234</v>
      </c>
      <c r="D8" s="924">
        <v>1521</v>
      </c>
      <c r="E8" s="923">
        <v>1713</v>
      </c>
      <c r="F8" s="925">
        <v>-5088</v>
      </c>
      <c r="G8" s="924">
        <v>-2668</v>
      </c>
      <c r="H8" s="923">
        <v>-2420</v>
      </c>
      <c r="I8" s="925">
        <v>7986</v>
      </c>
      <c r="J8" s="924">
        <v>4065</v>
      </c>
      <c r="K8" s="924">
        <v>3921</v>
      </c>
      <c r="L8" s="925">
        <v>13074</v>
      </c>
      <c r="M8" s="313" t="s">
        <v>596</v>
      </c>
      <c r="N8" s="925">
        <v>6733</v>
      </c>
      <c r="O8" s="1010" t="s">
        <v>519</v>
      </c>
      <c r="P8" s="923">
        <v>6341</v>
      </c>
      <c r="Q8" s="313" t="s">
        <v>519</v>
      </c>
      <c r="R8" s="924">
        <v>8322</v>
      </c>
      <c r="S8" s="924">
        <v>4189</v>
      </c>
      <c r="T8" s="923">
        <v>4133</v>
      </c>
      <c r="U8" s="925">
        <v>55167</v>
      </c>
      <c r="V8" s="313" t="s">
        <v>519</v>
      </c>
      <c r="W8" s="925">
        <v>29472</v>
      </c>
      <c r="X8" s="313" t="s">
        <v>519</v>
      </c>
      <c r="Y8" s="925">
        <v>25695</v>
      </c>
      <c r="Z8" s="313" t="s">
        <v>519</v>
      </c>
      <c r="AA8" s="925">
        <v>46845</v>
      </c>
      <c r="AB8" s="313" t="s">
        <v>519</v>
      </c>
      <c r="AC8" s="925">
        <v>25283</v>
      </c>
      <c r="AD8" s="313" t="s">
        <v>519</v>
      </c>
      <c r="AE8" s="925">
        <v>21562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45214</v>
      </c>
      <c r="B10" s="342" t="s">
        <v>622</v>
      </c>
      <c r="C10" s="945">
        <v>9043</v>
      </c>
      <c r="D10" s="946">
        <v>4556</v>
      </c>
      <c r="E10" s="945">
        <v>4487</v>
      </c>
      <c r="F10" s="930">
        <v>7967</v>
      </c>
      <c r="G10" s="946">
        <v>4055</v>
      </c>
      <c r="H10" s="945">
        <v>3912</v>
      </c>
      <c r="I10" s="947">
        <v>7986</v>
      </c>
      <c r="J10" s="930">
        <v>4065</v>
      </c>
      <c r="K10" s="946">
        <v>3921</v>
      </c>
      <c r="L10" s="936">
        <v>19</v>
      </c>
      <c r="M10" s="931">
        <v>0.1</v>
      </c>
      <c r="N10" s="936">
        <v>10</v>
      </c>
      <c r="O10" s="932">
        <v>0.1</v>
      </c>
      <c r="P10" s="952">
        <v>9</v>
      </c>
      <c r="Q10" s="932">
        <v>0.1</v>
      </c>
      <c r="R10" s="945">
        <v>1076</v>
      </c>
      <c r="S10" s="946">
        <v>501</v>
      </c>
      <c r="T10" s="945">
        <v>575</v>
      </c>
      <c r="U10" s="930">
        <v>3352</v>
      </c>
      <c r="V10" s="931">
        <v>6.1</v>
      </c>
      <c r="W10" s="936">
        <v>1717</v>
      </c>
      <c r="X10" s="932">
        <v>5.8</v>
      </c>
      <c r="Y10" s="936">
        <v>1635</v>
      </c>
      <c r="Z10" s="932">
        <v>6.4</v>
      </c>
      <c r="AA10" s="930">
        <v>2276</v>
      </c>
      <c r="AB10" s="931">
        <v>4.9000000000000004</v>
      </c>
      <c r="AC10" s="936">
        <v>1216</v>
      </c>
      <c r="AD10" s="932">
        <v>4.8</v>
      </c>
      <c r="AE10" s="930">
        <v>1060</v>
      </c>
      <c r="AF10" s="931">
        <v>4.9000000000000004</v>
      </c>
    </row>
    <row r="11" spans="1:36" s="319" customFormat="1" ht="22.5" customHeight="1">
      <c r="A11" s="341">
        <v>53885</v>
      </c>
      <c r="B11" s="343" t="s">
        <v>597</v>
      </c>
      <c r="C11" s="945">
        <v>472</v>
      </c>
      <c r="D11" s="946">
        <v>284</v>
      </c>
      <c r="E11" s="945">
        <v>188</v>
      </c>
      <c r="F11" s="930">
        <v>-2</v>
      </c>
      <c r="G11" s="946">
        <v>-2</v>
      </c>
      <c r="H11" s="945">
        <v>0</v>
      </c>
      <c r="I11" s="948" t="s">
        <v>70</v>
      </c>
      <c r="J11" s="949" t="s">
        <v>598</v>
      </c>
      <c r="K11" s="949" t="s">
        <v>70</v>
      </c>
      <c r="L11" s="930">
        <v>2</v>
      </c>
      <c r="M11" s="931">
        <v>0</v>
      </c>
      <c r="N11" s="930">
        <v>2</v>
      </c>
      <c r="O11" s="932">
        <v>0</v>
      </c>
      <c r="P11" s="945">
        <v>0</v>
      </c>
      <c r="Q11" s="932">
        <v>0</v>
      </c>
      <c r="R11" s="945">
        <v>474</v>
      </c>
      <c r="S11" s="946">
        <v>286</v>
      </c>
      <c r="T11" s="945">
        <v>188</v>
      </c>
      <c r="U11" s="930">
        <v>1565</v>
      </c>
      <c r="V11" s="931">
        <v>2.8</v>
      </c>
      <c r="W11" s="930">
        <v>816</v>
      </c>
      <c r="X11" s="932">
        <v>2.8</v>
      </c>
      <c r="Y11" s="930">
        <v>749</v>
      </c>
      <c r="Z11" s="932">
        <v>2.9</v>
      </c>
      <c r="AA11" s="930">
        <v>1091</v>
      </c>
      <c r="AB11" s="931">
        <v>2.2999999999999998</v>
      </c>
      <c r="AC11" s="930">
        <v>530</v>
      </c>
      <c r="AD11" s="932">
        <v>2.1</v>
      </c>
      <c r="AE11" s="930">
        <v>561</v>
      </c>
      <c r="AF11" s="931">
        <v>2.6</v>
      </c>
    </row>
    <row r="12" spans="1:36" s="319" customFormat="1" ht="22.5" customHeight="1">
      <c r="A12" s="341">
        <v>57828</v>
      </c>
      <c r="B12" s="343" t="s">
        <v>599</v>
      </c>
      <c r="C12" s="945">
        <v>211</v>
      </c>
      <c r="D12" s="946">
        <v>105</v>
      </c>
      <c r="E12" s="945">
        <v>106</v>
      </c>
      <c r="F12" s="930">
        <v>-2</v>
      </c>
      <c r="G12" s="946">
        <v>-1</v>
      </c>
      <c r="H12" s="945">
        <v>-1</v>
      </c>
      <c r="I12" s="948" t="s">
        <v>598</v>
      </c>
      <c r="J12" s="949" t="s">
        <v>70</v>
      </c>
      <c r="K12" s="949" t="s">
        <v>70</v>
      </c>
      <c r="L12" s="930">
        <v>2</v>
      </c>
      <c r="M12" s="931">
        <v>0</v>
      </c>
      <c r="N12" s="930">
        <v>1</v>
      </c>
      <c r="O12" s="932">
        <v>0</v>
      </c>
      <c r="P12" s="945">
        <v>1</v>
      </c>
      <c r="Q12" s="932">
        <v>0</v>
      </c>
      <c r="R12" s="945">
        <v>213</v>
      </c>
      <c r="S12" s="946">
        <v>106</v>
      </c>
      <c r="T12" s="945">
        <v>107</v>
      </c>
      <c r="U12" s="930">
        <v>884</v>
      </c>
      <c r="V12" s="931">
        <v>1.6</v>
      </c>
      <c r="W12" s="930">
        <v>422</v>
      </c>
      <c r="X12" s="932">
        <v>1.4</v>
      </c>
      <c r="Y12" s="930">
        <v>462</v>
      </c>
      <c r="Z12" s="932">
        <v>1.8</v>
      </c>
      <c r="AA12" s="930">
        <v>671</v>
      </c>
      <c r="AB12" s="931">
        <v>1.4</v>
      </c>
      <c r="AC12" s="930">
        <v>316</v>
      </c>
      <c r="AD12" s="932">
        <v>1.2</v>
      </c>
      <c r="AE12" s="930">
        <v>355</v>
      </c>
      <c r="AF12" s="931">
        <v>1.6</v>
      </c>
    </row>
    <row r="13" spans="1:36" s="319" customFormat="1" ht="22.5" customHeight="1">
      <c r="A13" s="341">
        <v>59859</v>
      </c>
      <c r="B13" s="343" t="s">
        <v>600</v>
      </c>
      <c r="C13" s="945">
        <v>570</v>
      </c>
      <c r="D13" s="946">
        <v>381</v>
      </c>
      <c r="E13" s="945">
        <v>189</v>
      </c>
      <c r="F13" s="930">
        <v>-11</v>
      </c>
      <c r="G13" s="946">
        <v>-8</v>
      </c>
      <c r="H13" s="945">
        <v>-3</v>
      </c>
      <c r="I13" s="948" t="s">
        <v>70</v>
      </c>
      <c r="J13" s="949" t="s">
        <v>70</v>
      </c>
      <c r="K13" s="949" t="s">
        <v>70</v>
      </c>
      <c r="L13" s="930">
        <v>11</v>
      </c>
      <c r="M13" s="931">
        <v>0.1</v>
      </c>
      <c r="N13" s="930">
        <v>8</v>
      </c>
      <c r="O13" s="932">
        <v>0.1</v>
      </c>
      <c r="P13" s="945">
        <v>3</v>
      </c>
      <c r="Q13" s="932">
        <v>0</v>
      </c>
      <c r="R13" s="945">
        <v>581</v>
      </c>
      <c r="S13" s="946">
        <v>389</v>
      </c>
      <c r="T13" s="945">
        <v>192</v>
      </c>
      <c r="U13" s="930">
        <v>2081</v>
      </c>
      <c r="V13" s="931">
        <v>3.8</v>
      </c>
      <c r="W13" s="930">
        <v>1207</v>
      </c>
      <c r="X13" s="932">
        <v>4.0999999999999996</v>
      </c>
      <c r="Y13" s="930">
        <v>874</v>
      </c>
      <c r="Z13" s="932">
        <v>3.4</v>
      </c>
      <c r="AA13" s="930">
        <v>1500</v>
      </c>
      <c r="AB13" s="931">
        <v>3.2</v>
      </c>
      <c r="AC13" s="930">
        <v>818</v>
      </c>
      <c r="AD13" s="932">
        <v>3.2</v>
      </c>
      <c r="AE13" s="930">
        <v>682</v>
      </c>
      <c r="AF13" s="931">
        <v>3.2</v>
      </c>
    </row>
    <row r="14" spans="1:36" s="319" customFormat="1" ht="22.5" customHeight="1">
      <c r="A14" s="324">
        <v>67558</v>
      </c>
      <c r="B14" s="344" t="s">
        <v>601</v>
      </c>
      <c r="C14" s="943">
        <v>-582</v>
      </c>
      <c r="D14" s="944">
        <v>-395</v>
      </c>
      <c r="E14" s="943">
        <v>-187</v>
      </c>
      <c r="F14" s="934">
        <v>-19</v>
      </c>
      <c r="G14" s="944">
        <v>-14</v>
      </c>
      <c r="H14" s="943">
        <v>-5</v>
      </c>
      <c r="I14" s="950" t="s">
        <v>70</v>
      </c>
      <c r="J14" s="951" t="s">
        <v>70</v>
      </c>
      <c r="K14" s="951" t="s">
        <v>70</v>
      </c>
      <c r="L14" s="930">
        <v>19</v>
      </c>
      <c r="M14" s="933">
        <v>0.1</v>
      </c>
      <c r="N14" s="934">
        <v>14</v>
      </c>
      <c r="O14" s="935">
        <v>0.2</v>
      </c>
      <c r="P14" s="943">
        <v>5</v>
      </c>
      <c r="Q14" s="935">
        <v>0.1</v>
      </c>
      <c r="R14" s="963">
        <v>-563</v>
      </c>
      <c r="S14" s="944">
        <v>-381</v>
      </c>
      <c r="T14" s="943">
        <v>-182</v>
      </c>
      <c r="U14" s="930">
        <v>7828</v>
      </c>
      <c r="V14" s="933">
        <v>14.2</v>
      </c>
      <c r="W14" s="934">
        <v>4116</v>
      </c>
      <c r="X14" s="935">
        <v>14</v>
      </c>
      <c r="Y14" s="934">
        <v>3712</v>
      </c>
      <c r="Z14" s="935">
        <v>14.4</v>
      </c>
      <c r="AA14" s="934">
        <v>8391</v>
      </c>
      <c r="AB14" s="933">
        <v>17.899999999999999</v>
      </c>
      <c r="AC14" s="934">
        <v>4497</v>
      </c>
      <c r="AD14" s="935">
        <v>17.8</v>
      </c>
      <c r="AE14" s="934">
        <v>3894</v>
      </c>
      <c r="AF14" s="933">
        <v>18.100000000000001</v>
      </c>
    </row>
    <row r="15" spans="1:36" s="319" customFormat="1" ht="22.5" customHeight="1">
      <c r="A15" s="341">
        <v>59128</v>
      </c>
      <c r="B15" s="343" t="s">
        <v>581</v>
      </c>
      <c r="C15" s="945">
        <v>525</v>
      </c>
      <c r="D15" s="946">
        <v>331</v>
      </c>
      <c r="E15" s="945">
        <v>194</v>
      </c>
      <c r="F15" s="930">
        <v>-18</v>
      </c>
      <c r="G15" s="946">
        <v>-14</v>
      </c>
      <c r="H15" s="945">
        <v>-4</v>
      </c>
      <c r="I15" s="948" t="s">
        <v>70</v>
      </c>
      <c r="J15" s="949" t="s">
        <v>70</v>
      </c>
      <c r="K15" s="949" t="s">
        <v>70</v>
      </c>
      <c r="L15" s="936">
        <v>18</v>
      </c>
      <c r="M15" s="931">
        <v>0.1</v>
      </c>
      <c r="N15" s="930">
        <v>14</v>
      </c>
      <c r="O15" s="932">
        <v>0.2</v>
      </c>
      <c r="P15" s="945">
        <v>4</v>
      </c>
      <c r="Q15" s="932">
        <v>0.1</v>
      </c>
      <c r="R15" s="945">
        <v>543</v>
      </c>
      <c r="S15" s="946">
        <v>345</v>
      </c>
      <c r="T15" s="945">
        <v>198</v>
      </c>
      <c r="U15" s="936">
        <v>10521</v>
      </c>
      <c r="V15" s="931">
        <v>19.100000000000001</v>
      </c>
      <c r="W15" s="930">
        <v>5714</v>
      </c>
      <c r="X15" s="932">
        <v>19.399999999999999</v>
      </c>
      <c r="Y15" s="930">
        <v>4807</v>
      </c>
      <c r="Z15" s="932">
        <v>18.7</v>
      </c>
      <c r="AA15" s="930">
        <v>9978</v>
      </c>
      <c r="AB15" s="931">
        <v>21.3</v>
      </c>
      <c r="AC15" s="930">
        <v>5369</v>
      </c>
      <c r="AD15" s="932">
        <v>21.2</v>
      </c>
      <c r="AE15" s="930">
        <v>4609</v>
      </c>
      <c r="AF15" s="931">
        <v>21.4</v>
      </c>
    </row>
    <row r="16" spans="1:36" s="319" customFormat="1" ht="22.5" customHeight="1">
      <c r="A16" s="341">
        <v>61960</v>
      </c>
      <c r="B16" s="343" t="s">
        <v>453</v>
      </c>
      <c r="C16" s="945">
        <v>1387</v>
      </c>
      <c r="D16" s="946">
        <v>658</v>
      </c>
      <c r="E16" s="945">
        <v>729</v>
      </c>
      <c r="F16" s="930">
        <v>-33</v>
      </c>
      <c r="G16" s="946">
        <v>-21</v>
      </c>
      <c r="H16" s="945">
        <v>-12</v>
      </c>
      <c r="I16" s="948" t="s">
        <v>70</v>
      </c>
      <c r="J16" s="949" t="s">
        <v>70</v>
      </c>
      <c r="K16" s="949" t="s">
        <v>70</v>
      </c>
      <c r="L16" s="930">
        <v>33</v>
      </c>
      <c r="M16" s="931">
        <v>0.3</v>
      </c>
      <c r="N16" s="930">
        <v>21</v>
      </c>
      <c r="O16" s="932">
        <v>0.3</v>
      </c>
      <c r="P16" s="945">
        <v>12</v>
      </c>
      <c r="Q16" s="932">
        <v>0.2</v>
      </c>
      <c r="R16" s="945">
        <v>1420</v>
      </c>
      <c r="S16" s="946">
        <v>679</v>
      </c>
      <c r="T16" s="945">
        <v>741</v>
      </c>
      <c r="U16" s="930">
        <v>7669</v>
      </c>
      <c r="V16" s="931">
        <v>13.9</v>
      </c>
      <c r="W16" s="930">
        <v>4079</v>
      </c>
      <c r="X16" s="932">
        <v>13.8</v>
      </c>
      <c r="Y16" s="930">
        <v>3590</v>
      </c>
      <c r="Z16" s="932">
        <v>14</v>
      </c>
      <c r="AA16" s="930">
        <v>6249</v>
      </c>
      <c r="AB16" s="931">
        <v>13.3</v>
      </c>
      <c r="AC16" s="930">
        <v>3400</v>
      </c>
      <c r="AD16" s="932">
        <v>13.4</v>
      </c>
      <c r="AE16" s="930">
        <v>2849</v>
      </c>
      <c r="AF16" s="931">
        <v>13.2</v>
      </c>
    </row>
    <row r="17" spans="1:32" s="319" customFormat="1" ht="22.5" customHeight="1">
      <c r="A17" s="341">
        <v>74318</v>
      </c>
      <c r="B17" s="343" t="s">
        <v>430</v>
      </c>
      <c r="C17" s="945">
        <v>1391</v>
      </c>
      <c r="D17" s="946">
        <v>725</v>
      </c>
      <c r="E17" s="945">
        <v>666</v>
      </c>
      <c r="F17" s="930">
        <v>-51</v>
      </c>
      <c r="G17" s="946">
        <v>-33</v>
      </c>
      <c r="H17" s="945">
        <v>-18</v>
      </c>
      <c r="I17" s="948" t="s">
        <v>70</v>
      </c>
      <c r="J17" s="949" t="s">
        <v>70</v>
      </c>
      <c r="K17" s="949" t="s">
        <v>70</v>
      </c>
      <c r="L17" s="930">
        <v>51</v>
      </c>
      <c r="M17" s="931">
        <v>0.4</v>
      </c>
      <c r="N17" s="930">
        <v>33</v>
      </c>
      <c r="O17" s="932">
        <v>0.5</v>
      </c>
      <c r="P17" s="945">
        <v>18</v>
      </c>
      <c r="Q17" s="932">
        <v>0.3</v>
      </c>
      <c r="R17" s="945">
        <v>1442</v>
      </c>
      <c r="S17" s="946">
        <v>758</v>
      </c>
      <c r="T17" s="945">
        <v>684</v>
      </c>
      <c r="U17" s="930">
        <v>5402</v>
      </c>
      <c r="V17" s="931">
        <v>9.8000000000000007</v>
      </c>
      <c r="W17" s="930">
        <v>3026</v>
      </c>
      <c r="X17" s="932">
        <v>10.3</v>
      </c>
      <c r="Y17" s="930">
        <v>2376</v>
      </c>
      <c r="Z17" s="932">
        <v>9.1999999999999993</v>
      </c>
      <c r="AA17" s="930">
        <v>3960</v>
      </c>
      <c r="AB17" s="931">
        <v>8.5</v>
      </c>
      <c r="AC17" s="930">
        <v>2268</v>
      </c>
      <c r="AD17" s="932">
        <v>9</v>
      </c>
      <c r="AE17" s="930">
        <v>1692</v>
      </c>
      <c r="AF17" s="931">
        <v>7.8</v>
      </c>
    </row>
    <row r="18" spans="1:32" s="319" customFormat="1" ht="22.5" customHeight="1">
      <c r="A18" s="341">
        <v>87648</v>
      </c>
      <c r="B18" s="343" t="s">
        <v>431</v>
      </c>
      <c r="C18" s="945">
        <v>777</v>
      </c>
      <c r="D18" s="946">
        <v>378</v>
      </c>
      <c r="E18" s="945">
        <v>399</v>
      </c>
      <c r="F18" s="930">
        <v>-79</v>
      </c>
      <c r="G18" s="946">
        <v>-53</v>
      </c>
      <c r="H18" s="945">
        <v>-26</v>
      </c>
      <c r="I18" s="948" t="s">
        <v>70</v>
      </c>
      <c r="J18" s="949" t="s">
        <v>70</v>
      </c>
      <c r="K18" s="949" t="s">
        <v>70</v>
      </c>
      <c r="L18" s="930">
        <v>79</v>
      </c>
      <c r="M18" s="931">
        <v>0.6</v>
      </c>
      <c r="N18" s="930">
        <v>53</v>
      </c>
      <c r="O18" s="932">
        <v>0.8</v>
      </c>
      <c r="P18" s="945">
        <v>26</v>
      </c>
      <c r="Q18" s="932">
        <v>0.4</v>
      </c>
      <c r="R18" s="945">
        <v>856</v>
      </c>
      <c r="S18" s="946">
        <v>431</v>
      </c>
      <c r="T18" s="945">
        <v>425</v>
      </c>
      <c r="U18" s="930">
        <v>3671</v>
      </c>
      <c r="V18" s="931">
        <v>6.7</v>
      </c>
      <c r="W18" s="930">
        <v>2071</v>
      </c>
      <c r="X18" s="932">
        <v>7</v>
      </c>
      <c r="Y18" s="930">
        <v>1600</v>
      </c>
      <c r="Z18" s="932">
        <v>6.2</v>
      </c>
      <c r="AA18" s="930">
        <v>2815</v>
      </c>
      <c r="AB18" s="931">
        <v>6</v>
      </c>
      <c r="AC18" s="930">
        <v>1640</v>
      </c>
      <c r="AD18" s="932">
        <v>6.5</v>
      </c>
      <c r="AE18" s="930">
        <v>1175</v>
      </c>
      <c r="AF18" s="931">
        <v>5.4</v>
      </c>
    </row>
    <row r="19" spans="1:32" s="319" customFormat="1" ht="22.5" customHeight="1">
      <c r="A19" s="324">
        <v>106210</v>
      </c>
      <c r="B19" s="344" t="s">
        <v>432</v>
      </c>
      <c r="C19" s="943">
        <v>442</v>
      </c>
      <c r="D19" s="944">
        <v>256</v>
      </c>
      <c r="E19" s="943">
        <v>186</v>
      </c>
      <c r="F19" s="934">
        <v>-134</v>
      </c>
      <c r="G19" s="944">
        <v>-73</v>
      </c>
      <c r="H19" s="943">
        <v>-61</v>
      </c>
      <c r="I19" s="950" t="s">
        <v>70</v>
      </c>
      <c r="J19" s="951" t="s">
        <v>70</v>
      </c>
      <c r="K19" s="951" t="s">
        <v>70</v>
      </c>
      <c r="L19" s="930">
        <v>134</v>
      </c>
      <c r="M19" s="933">
        <v>1</v>
      </c>
      <c r="N19" s="934">
        <v>73</v>
      </c>
      <c r="O19" s="935">
        <v>1.1000000000000001</v>
      </c>
      <c r="P19" s="945">
        <v>61</v>
      </c>
      <c r="Q19" s="935">
        <v>1</v>
      </c>
      <c r="R19" s="943">
        <v>576</v>
      </c>
      <c r="S19" s="944">
        <v>329</v>
      </c>
      <c r="T19" s="943">
        <v>247</v>
      </c>
      <c r="U19" s="930">
        <v>2952</v>
      </c>
      <c r="V19" s="933">
        <v>5.4</v>
      </c>
      <c r="W19" s="934">
        <v>1706</v>
      </c>
      <c r="X19" s="935">
        <v>5.8</v>
      </c>
      <c r="Y19" s="934">
        <v>1246</v>
      </c>
      <c r="Z19" s="935">
        <v>4.8</v>
      </c>
      <c r="AA19" s="934">
        <v>2376</v>
      </c>
      <c r="AB19" s="933">
        <v>5.0999999999999996</v>
      </c>
      <c r="AC19" s="934">
        <v>1377</v>
      </c>
      <c r="AD19" s="935">
        <v>5.4</v>
      </c>
      <c r="AE19" s="934">
        <v>999</v>
      </c>
      <c r="AF19" s="933">
        <v>4.5999999999999996</v>
      </c>
    </row>
    <row r="20" spans="1:32" s="319" customFormat="1" ht="22.5" customHeight="1">
      <c r="A20" s="341">
        <v>106266</v>
      </c>
      <c r="B20" s="343" t="s">
        <v>532</v>
      </c>
      <c r="C20" s="945">
        <v>138</v>
      </c>
      <c r="D20" s="946">
        <v>82</v>
      </c>
      <c r="E20" s="945">
        <v>56</v>
      </c>
      <c r="F20" s="930">
        <v>-246</v>
      </c>
      <c r="G20" s="946">
        <v>-148</v>
      </c>
      <c r="H20" s="945">
        <v>-98</v>
      </c>
      <c r="I20" s="948" t="s">
        <v>70</v>
      </c>
      <c r="J20" s="949" t="s">
        <v>70</v>
      </c>
      <c r="K20" s="949" t="s">
        <v>70</v>
      </c>
      <c r="L20" s="936">
        <v>246</v>
      </c>
      <c r="M20" s="931">
        <v>1.9</v>
      </c>
      <c r="N20" s="930">
        <v>148</v>
      </c>
      <c r="O20" s="932">
        <v>2.2000000000000002</v>
      </c>
      <c r="P20" s="952">
        <v>98</v>
      </c>
      <c r="Q20" s="932">
        <v>1.5</v>
      </c>
      <c r="R20" s="945">
        <v>384</v>
      </c>
      <c r="S20" s="946">
        <v>230</v>
      </c>
      <c r="T20" s="945">
        <v>154</v>
      </c>
      <c r="U20" s="936">
        <v>2339</v>
      </c>
      <c r="V20" s="931">
        <v>4.2</v>
      </c>
      <c r="W20" s="930">
        <v>1317</v>
      </c>
      <c r="X20" s="932">
        <v>4.5</v>
      </c>
      <c r="Y20" s="930">
        <v>1022</v>
      </c>
      <c r="Z20" s="932">
        <v>4</v>
      </c>
      <c r="AA20" s="930">
        <v>1955</v>
      </c>
      <c r="AB20" s="931">
        <v>4.2</v>
      </c>
      <c r="AC20" s="936">
        <v>1087</v>
      </c>
      <c r="AD20" s="932">
        <v>4.3</v>
      </c>
      <c r="AE20" s="930">
        <v>868</v>
      </c>
      <c r="AF20" s="931">
        <v>4</v>
      </c>
    </row>
    <row r="21" spans="1:32" s="319" customFormat="1" ht="22.5" customHeight="1">
      <c r="A21" s="341">
        <v>84343</v>
      </c>
      <c r="B21" s="343" t="s">
        <v>434</v>
      </c>
      <c r="C21" s="945">
        <v>27</v>
      </c>
      <c r="D21" s="946">
        <v>-37</v>
      </c>
      <c r="E21" s="945">
        <v>64</v>
      </c>
      <c r="F21" s="930">
        <v>-288</v>
      </c>
      <c r="G21" s="946">
        <v>-185</v>
      </c>
      <c r="H21" s="945">
        <v>-103</v>
      </c>
      <c r="I21" s="948" t="s">
        <v>70</v>
      </c>
      <c r="J21" s="949" t="s">
        <v>70</v>
      </c>
      <c r="K21" s="949" t="s">
        <v>70</v>
      </c>
      <c r="L21" s="930">
        <v>288</v>
      </c>
      <c r="M21" s="931">
        <v>2.2000000000000002</v>
      </c>
      <c r="N21" s="930">
        <v>185</v>
      </c>
      <c r="O21" s="932">
        <v>2.7</v>
      </c>
      <c r="P21" s="945">
        <v>103</v>
      </c>
      <c r="Q21" s="932">
        <v>1.6</v>
      </c>
      <c r="R21" s="945">
        <v>315</v>
      </c>
      <c r="S21" s="946">
        <v>148</v>
      </c>
      <c r="T21" s="945">
        <v>167</v>
      </c>
      <c r="U21" s="930">
        <v>1667</v>
      </c>
      <c r="V21" s="931">
        <v>3</v>
      </c>
      <c r="W21" s="930">
        <v>952</v>
      </c>
      <c r="X21" s="932">
        <v>3.2</v>
      </c>
      <c r="Y21" s="930">
        <v>715</v>
      </c>
      <c r="Z21" s="932">
        <v>2.8</v>
      </c>
      <c r="AA21" s="930">
        <v>1352</v>
      </c>
      <c r="AB21" s="931">
        <v>2.9</v>
      </c>
      <c r="AC21" s="930">
        <v>804</v>
      </c>
      <c r="AD21" s="932">
        <v>3.2</v>
      </c>
      <c r="AE21" s="930">
        <v>548</v>
      </c>
      <c r="AF21" s="931">
        <v>2.5</v>
      </c>
    </row>
    <row r="22" spans="1:32" s="319" customFormat="1" ht="22.5" customHeight="1">
      <c r="A22" s="341">
        <v>71808</v>
      </c>
      <c r="B22" s="343" t="s">
        <v>435</v>
      </c>
      <c r="C22" s="945">
        <v>-144</v>
      </c>
      <c r="D22" s="946">
        <v>-133</v>
      </c>
      <c r="E22" s="945">
        <v>-11</v>
      </c>
      <c r="F22" s="930">
        <v>-333</v>
      </c>
      <c r="G22" s="946">
        <v>-218</v>
      </c>
      <c r="H22" s="945">
        <v>-115</v>
      </c>
      <c r="I22" s="948" t="s">
        <v>70</v>
      </c>
      <c r="J22" s="949" t="s">
        <v>70</v>
      </c>
      <c r="K22" s="949" t="s">
        <v>70</v>
      </c>
      <c r="L22" s="930">
        <v>333</v>
      </c>
      <c r="M22" s="931">
        <v>2.5</v>
      </c>
      <c r="N22" s="930">
        <v>218</v>
      </c>
      <c r="O22" s="932">
        <v>3.2</v>
      </c>
      <c r="P22" s="945">
        <v>115</v>
      </c>
      <c r="Q22" s="932">
        <v>1.8</v>
      </c>
      <c r="R22" s="945">
        <v>189</v>
      </c>
      <c r="S22" s="946">
        <v>85</v>
      </c>
      <c r="T22" s="945">
        <v>104</v>
      </c>
      <c r="U22" s="930">
        <v>1236</v>
      </c>
      <c r="V22" s="931">
        <v>2.2000000000000002</v>
      </c>
      <c r="W22" s="930">
        <v>693</v>
      </c>
      <c r="X22" s="932">
        <v>2.4</v>
      </c>
      <c r="Y22" s="930">
        <v>543</v>
      </c>
      <c r="Z22" s="932">
        <v>2.1</v>
      </c>
      <c r="AA22" s="930">
        <v>1047</v>
      </c>
      <c r="AB22" s="931">
        <v>2.2000000000000002</v>
      </c>
      <c r="AC22" s="930">
        <v>608</v>
      </c>
      <c r="AD22" s="932">
        <v>2.4</v>
      </c>
      <c r="AE22" s="930">
        <v>439</v>
      </c>
      <c r="AF22" s="931">
        <v>2</v>
      </c>
    </row>
    <row r="23" spans="1:32" s="319" customFormat="1" ht="22.5" customHeight="1">
      <c r="A23" s="341">
        <v>72777</v>
      </c>
      <c r="B23" s="343" t="s">
        <v>436</v>
      </c>
      <c r="C23" s="945">
        <v>-449</v>
      </c>
      <c r="D23" s="946">
        <v>-335</v>
      </c>
      <c r="E23" s="945">
        <v>-114</v>
      </c>
      <c r="F23" s="930">
        <v>-616</v>
      </c>
      <c r="G23" s="946">
        <v>-391</v>
      </c>
      <c r="H23" s="945">
        <v>-225</v>
      </c>
      <c r="I23" s="948" t="s">
        <v>70</v>
      </c>
      <c r="J23" s="949" t="s">
        <v>70</v>
      </c>
      <c r="K23" s="949" t="s">
        <v>70</v>
      </c>
      <c r="L23" s="930">
        <v>616</v>
      </c>
      <c r="M23" s="931">
        <v>4.7</v>
      </c>
      <c r="N23" s="930">
        <v>391</v>
      </c>
      <c r="O23" s="932">
        <v>5.8</v>
      </c>
      <c r="P23" s="945">
        <v>225</v>
      </c>
      <c r="Q23" s="932">
        <v>3.5</v>
      </c>
      <c r="R23" s="945">
        <v>167</v>
      </c>
      <c r="S23" s="946">
        <v>56</v>
      </c>
      <c r="T23" s="945">
        <v>111</v>
      </c>
      <c r="U23" s="930">
        <v>947</v>
      </c>
      <c r="V23" s="931">
        <v>1.7</v>
      </c>
      <c r="W23" s="930">
        <v>492</v>
      </c>
      <c r="X23" s="932">
        <v>1.7</v>
      </c>
      <c r="Y23" s="930">
        <v>455</v>
      </c>
      <c r="Z23" s="932">
        <v>1.8</v>
      </c>
      <c r="AA23" s="930">
        <v>780</v>
      </c>
      <c r="AB23" s="931">
        <v>1.7</v>
      </c>
      <c r="AC23" s="930">
        <v>436</v>
      </c>
      <c r="AD23" s="932">
        <v>1.7</v>
      </c>
      <c r="AE23" s="930">
        <v>344</v>
      </c>
      <c r="AF23" s="931">
        <v>1.6</v>
      </c>
    </row>
    <row r="24" spans="1:32" s="319" customFormat="1" ht="22.5" customHeight="1">
      <c r="A24" s="324">
        <v>96311</v>
      </c>
      <c r="B24" s="343" t="s">
        <v>437</v>
      </c>
      <c r="C24" s="943">
        <v>-1032</v>
      </c>
      <c r="D24" s="944">
        <v>-716</v>
      </c>
      <c r="E24" s="943">
        <v>-316</v>
      </c>
      <c r="F24" s="934">
        <v>-1187</v>
      </c>
      <c r="G24" s="944">
        <v>-785</v>
      </c>
      <c r="H24" s="943">
        <v>-402</v>
      </c>
      <c r="I24" s="950" t="s">
        <v>70</v>
      </c>
      <c r="J24" s="951" t="s">
        <v>70</v>
      </c>
      <c r="K24" s="951" t="s">
        <v>70</v>
      </c>
      <c r="L24" s="934">
        <v>1187</v>
      </c>
      <c r="M24" s="933">
        <v>9.1</v>
      </c>
      <c r="N24" s="934">
        <v>785</v>
      </c>
      <c r="O24" s="935">
        <v>11.7</v>
      </c>
      <c r="P24" s="943">
        <v>402</v>
      </c>
      <c r="Q24" s="935">
        <v>6.3</v>
      </c>
      <c r="R24" s="943">
        <v>155</v>
      </c>
      <c r="S24" s="944">
        <v>69</v>
      </c>
      <c r="T24" s="943">
        <v>86</v>
      </c>
      <c r="U24" s="934">
        <v>865</v>
      </c>
      <c r="V24" s="933">
        <v>1.6</v>
      </c>
      <c r="W24" s="934">
        <v>413</v>
      </c>
      <c r="X24" s="935">
        <v>1.4</v>
      </c>
      <c r="Y24" s="934">
        <v>452</v>
      </c>
      <c r="Z24" s="935">
        <v>1.8</v>
      </c>
      <c r="AA24" s="930">
        <v>710</v>
      </c>
      <c r="AB24" s="933">
        <v>1.5</v>
      </c>
      <c r="AC24" s="934">
        <v>344</v>
      </c>
      <c r="AD24" s="935">
        <v>1.4</v>
      </c>
      <c r="AE24" s="934">
        <v>366</v>
      </c>
      <c r="AF24" s="933">
        <v>1.7</v>
      </c>
    </row>
    <row r="25" spans="1:32" s="319" customFormat="1" ht="22.5" customHeight="1">
      <c r="A25" s="341">
        <v>72118</v>
      </c>
      <c r="B25" s="553" t="s">
        <v>438</v>
      </c>
      <c r="C25" s="945">
        <v>-1346</v>
      </c>
      <c r="D25" s="946">
        <v>-865</v>
      </c>
      <c r="E25" s="945">
        <v>-481</v>
      </c>
      <c r="F25" s="930">
        <v>-1456</v>
      </c>
      <c r="G25" s="946">
        <v>-897</v>
      </c>
      <c r="H25" s="945">
        <v>-559</v>
      </c>
      <c r="I25" s="948" t="s">
        <v>70</v>
      </c>
      <c r="J25" s="949" t="s">
        <v>70</v>
      </c>
      <c r="K25" s="949" t="s">
        <v>70</v>
      </c>
      <c r="L25" s="936">
        <v>1456</v>
      </c>
      <c r="M25" s="931">
        <v>11.1</v>
      </c>
      <c r="N25" s="930">
        <v>897</v>
      </c>
      <c r="O25" s="932">
        <v>13.3</v>
      </c>
      <c r="P25" s="945">
        <v>559</v>
      </c>
      <c r="Q25" s="932">
        <v>8.8000000000000007</v>
      </c>
      <c r="R25" s="945">
        <v>110</v>
      </c>
      <c r="S25" s="946">
        <v>32</v>
      </c>
      <c r="T25" s="945">
        <v>78</v>
      </c>
      <c r="U25" s="930">
        <v>637</v>
      </c>
      <c r="V25" s="931">
        <v>1.2</v>
      </c>
      <c r="W25" s="930">
        <v>263</v>
      </c>
      <c r="X25" s="932">
        <v>0.9</v>
      </c>
      <c r="Y25" s="930">
        <v>374</v>
      </c>
      <c r="Z25" s="932">
        <v>1.5</v>
      </c>
      <c r="AA25" s="936">
        <v>527</v>
      </c>
      <c r="AB25" s="931">
        <v>1.1000000000000001</v>
      </c>
      <c r="AC25" s="930">
        <v>231</v>
      </c>
      <c r="AD25" s="932">
        <v>0.9</v>
      </c>
      <c r="AE25" s="930">
        <v>296</v>
      </c>
      <c r="AF25" s="931">
        <v>1.4</v>
      </c>
    </row>
    <row r="26" spans="1:32" s="319" customFormat="1" ht="22.5" customHeight="1">
      <c r="A26" s="341">
        <v>57349</v>
      </c>
      <c r="B26" s="343" t="s">
        <v>616</v>
      </c>
      <c r="C26" s="945">
        <v>-2074</v>
      </c>
      <c r="D26" s="946">
        <v>-1309</v>
      </c>
      <c r="E26" s="945">
        <v>-765</v>
      </c>
      <c r="F26" s="930">
        <v>-2209</v>
      </c>
      <c r="G26" s="946">
        <v>-1357</v>
      </c>
      <c r="H26" s="945">
        <v>-852</v>
      </c>
      <c r="I26" s="948" t="s">
        <v>70</v>
      </c>
      <c r="J26" s="949" t="s">
        <v>70</v>
      </c>
      <c r="K26" s="949" t="s">
        <v>70</v>
      </c>
      <c r="L26" s="930">
        <v>2209</v>
      </c>
      <c r="M26" s="931">
        <v>16.899999999999999</v>
      </c>
      <c r="N26" s="930">
        <v>1357</v>
      </c>
      <c r="O26" s="932">
        <v>20.2</v>
      </c>
      <c r="P26" s="945">
        <v>852</v>
      </c>
      <c r="Q26" s="932">
        <v>13.4</v>
      </c>
      <c r="R26" s="945">
        <v>135</v>
      </c>
      <c r="S26" s="946">
        <v>48</v>
      </c>
      <c r="T26" s="945">
        <v>87</v>
      </c>
      <c r="U26" s="930">
        <v>604</v>
      </c>
      <c r="V26" s="931">
        <v>1.1000000000000001</v>
      </c>
      <c r="W26" s="930">
        <v>197</v>
      </c>
      <c r="X26" s="932">
        <v>0.7</v>
      </c>
      <c r="Y26" s="930">
        <v>407</v>
      </c>
      <c r="Z26" s="932">
        <v>1.6</v>
      </c>
      <c r="AA26" s="930">
        <v>469</v>
      </c>
      <c r="AB26" s="931">
        <v>1</v>
      </c>
      <c r="AC26" s="930">
        <v>149</v>
      </c>
      <c r="AD26" s="932">
        <v>0.6</v>
      </c>
      <c r="AE26" s="930">
        <v>320</v>
      </c>
      <c r="AF26" s="931">
        <v>1.5</v>
      </c>
    </row>
    <row r="27" spans="1:32" s="319" customFormat="1" ht="22.5" customHeight="1">
      <c r="A27" s="341">
        <v>35636</v>
      </c>
      <c r="B27" s="343" t="s">
        <v>617</v>
      </c>
      <c r="C27" s="945">
        <v>-2526</v>
      </c>
      <c r="D27" s="946">
        <v>-1325</v>
      </c>
      <c r="E27" s="945">
        <v>-1201</v>
      </c>
      <c r="F27" s="930">
        <v>-2645</v>
      </c>
      <c r="G27" s="946">
        <v>-1355</v>
      </c>
      <c r="H27" s="945">
        <v>-1290</v>
      </c>
      <c r="I27" s="948" t="s">
        <v>70</v>
      </c>
      <c r="J27" s="949" t="s">
        <v>70</v>
      </c>
      <c r="K27" s="949" t="s">
        <v>70</v>
      </c>
      <c r="L27" s="930">
        <v>2645</v>
      </c>
      <c r="M27" s="931">
        <v>20.2</v>
      </c>
      <c r="N27" s="930">
        <v>1355</v>
      </c>
      <c r="O27" s="932">
        <v>20.100000000000001</v>
      </c>
      <c r="P27" s="945">
        <v>1290</v>
      </c>
      <c r="Q27" s="932">
        <v>20.3</v>
      </c>
      <c r="R27" s="945">
        <v>119</v>
      </c>
      <c r="S27" s="946">
        <v>30</v>
      </c>
      <c r="T27" s="945">
        <v>89</v>
      </c>
      <c r="U27" s="930">
        <v>534</v>
      </c>
      <c r="V27" s="931">
        <v>1</v>
      </c>
      <c r="W27" s="930">
        <v>161</v>
      </c>
      <c r="X27" s="932">
        <v>0.5</v>
      </c>
      <c r="Y27" s="930">
        <v>373</v>
      </c>
      <c r="Z27" s="932">
        <v>1.5</v>
      </c>
      <c r="AA27" s="930">
        <v>415</v>
      </c>
      <c r="AB27" s="931">
        <v>0.9</v>
      </c>
      <c r="AC27" s="930">
        <v>131</v>
      </c>
      <c r="AD27" s="932">
        <v>0.5</v>
      </c>
      <c r="AE27" s="930">
        <v>284</v>
      </c>
      <c r="AF27" s="931">
        <v>1.3</v>
      </c>
    </row>
    <row r="28" spans="1:32" s="319" customFormat="1" ht="22.5" customHeight="1">
      <c r="A28" s="341">
        <v>16724</v>
      </c>
      <c r="B28" s="343" t="s">
        <v>569</v>
      </c>
      <c r="C28" s="945">
        <v>-2073</v>
      </c>
      <c r="D28" s="946">
        <v>-783</v>
      </c>
      <c r="E28" s="945">
        <v>-1290</v>
      </c>
      <c r="F28" s="930">
        <v>-2190</v>
      </c>
      <c r="G28" s="946">
        <v>-830</v>
      </c>
      <c r="H28" s="945">
        <v>-1360</v>
      </c>
      <c r="I28" s="948" t="s">
        <v>70</v>
      </c>
      <c r="J28" s="949" t="s">
        <v>70</v>
      </c>
      <c r="K28" s="949" t="s">
        <v>70</v>
      </c>
      <c r="L28" s="930">
        <v>2190</v>
      </c>
      <c r="M28" s="931">
        <v>16.8</v>
      </c>
      <c r="N28" s="930">
        <v>830</v>
      </c>
      <c r="O28" s="932">
        <v>12.3</v>
      </c>
      <c r="P28" s="945">
        <v>1360</v>
      </c>
      <c r="Q28" s="932">
        <v>21.4</v>
      </c>
      <c r="R28" s="945">
        <v>117</v>
      </c>
      <c r="S28" s="946">
        <v>47</v>
      </c>
      <c r="T28" s="945">
        <v>70</v>
      </c>
      <c r="U28" s="930">
        <v>325</v>
      </c>
      <c r="V28" s="931">
        <v>0.6</v>
      </c>
      <c r="W28" s="930">
        <v>92</v>
      </c>
      <c r="X28" s="932">
        <v>0.3</v>
      </c>
      <c r="Y28" s="930">
        <v>233</v>
      </c>
      <c r="Z28" s="932">
        <v>0.9</v>
      </c>
      <c r="AA28" s="930">
        <v>208</v>
      </c>
      <c r="AB28" s="931">
        <v>0.4</v>
      </c>
      <c r="AC28" s="930">
        <v>45</v>
      </c>
      <c r="AD28" s="932">
        <v>0.2</v>
      </c>
      <c r="AE28" s="930">
        <v>163</v>
      </c>
      <c r="AF28" s="931">
        <v>0.8</v>
      </c>
    </row>
    <row r="29" spans="1:32" s="319" customFormat="1" ht="22.5" customHeight="1">
      <c r="A29" s="324">
        <v>4639</v>
      </c>
      <c r="B29" s="344" t="s">
        <v>585</v>
      </c>
      <c r="C29" s="943">
        <v>-1175</v>
      </c>
      <c r="D29" s="944">
        <v>-295</v>
      </c>
      <c r="E29" s="943">
        <v>-880</v>
      </c>
      <c r="F29" s="934">
        <v>-1183</v>
      </c>
      <c r="G29" s="944">
        <v>-294</v>
      </c>
      <c r="H29" s="943">
        <v>-889</v>
      </c>
      <c r="I29" s="950" t="s">
        <v>70</v>
      </c>
      <c r="J29" s="951" t="s">
        <v>70</v>
      </c>
      <c r="K29" s="951" t="s">
        <v>70</v>
      </c>
      <c r="L29" s="930">
        <v>1183</v>
      </c>
      <c r="M29" s="933">
        <v>9</v>
      </c>
      <c r="N29" s="934">
        <v>294</v>
      </c>
      <c r="O29" s="935">
        <v>4.4000000000000004</v>
      </c>
      <c r="P29" s="943">
        <v>889</v>
      </c>
      <c r="Q29" s="935">
        <v>14</v>
      </c>
      <c r="R29" s="943">
        <v>8</v>
      </c>
      <c r="S29" s="944">
        <v>-1</v>
      </c>
      <c r="T29" s="943">
        <v>9</v>
      </c>
      <c r="U29" s="930">
        <v>73</v>
      </c>
      <c r="V29" s="933">
        <v>0.1</v>
      </c>
      <c r="W29" s="934">
        <v>15</v>
      </c>
      <c r="X29" s="935">
        <v>0.1</v>
      </c>
      <c r="Y29" s="934">
        <v>58</v>
      </c>
      <c r="Z29" s="935">
        <v>0.2</v>
      </c>
      <c r="AA29" s="934">
        <v>65</v>
      </c>
      <c r="AB29" s="933">
        <v>0.1</v>
      </c>
      <c r="AC29" s="934">
        <v>16</v>
      </c>
      <c r="AD29" s="935">
        <v>0.1</v>
      </c>
      <c r="AE29" s="934">
        <v>49</v>
      </c>
      <c r="AF29" s="933">
        <v>0.2</v>
      </c>
    </row>
    <row r="30" spans="1:32" s="319" customFormat="1" ht="22.5" customHeight="1">
      <c r="A30" s="554">
        <v>762</v>
      </c>
      <c r="B30" s="555" t="s">
        <v>586</v>
      </c>
      <c r="C30" s="953">
        <v>-348</v>
      </c>
      <c r="D30" s="954">
        <v>-42</v>
      </c>
      <c r="E30" s="937">
        <v>-306</v>
      </c>
      <c r="F30" s="937">
        <v>-353</v>
      </c>
      <c r="G30" s="954">
        <v>-44</v>
      </c>
      <c r="H30" s="955">
        <v>-309</v>
      </c>
      <c r="I30" s="956" t="s">
        <v>70</v>
      </c>
      <c r="J30" s="957" t="s">
        <v>70</v>
      </c>
      <c r="K30" s="957" t="s">
        <v>70</v>
      </c>
      <c r="L30" s="937">
        <v>353</v>
      </c>
      <c r="M30" s="938">
        <v>2.7</v>
      </c>
      <c r="N30" s="937">
        <v>44</v>
      </c>
      <c r="O30" s="939">
        <v>0.7</v>
      </c>
      <c r="P30" s="955">
        <v>309</v>
      </c>
      <c r="Q30" s="939">
        <v>4.9000000000000004</v>
      </c>
      <c r="R30" s="955">
        <v>5</v>
      </c>
      <c r="S30" s="954">
        <v>2</v>
      </c>
      <c r="T30" s="937">
        <v>3</v>
      </c>
      <c r="U30" s="937">
        <v>15</v>
      </c>
      <c r="V30" s="938">
        <v>0</v>
      </c>
      <c r="W30" s="937">
        <v>3</v>
      </c>
      <c r="X30" s="939">
        <v>0</v>
      </c>
      <c r="Y30" s="937">
        <v>12</v>
      </c>
      <c r="Z30" s="939">
        <v>0</v>
      </c>
      <c r="AA30" s="937">
        <v>10</v>
      </c>
      <c r="AB30" s="938">
        <v>0</v>
      </c>
      <c r="AC30" s="937">
        <v>1</v>
      </c>
      <c r="AD30" s="939">
        <v>0</v>
      </c>
      <c r="AE30" s="937">
        <v>9</v>
      </c>
      <c r="AF30" s="938">
        <v>0</v>
      </c>
    </row>
    <row r="31" spans="1:32" s="319" customFormat="1" ht="22.5" customHeight="1">
      <c r="A31" s="341">
        <v>156927</v>
      </c>
      <c r="B31" s="320" t="s">
        <v>537</v>
      </c>
      <c r="C31" s="945">
        <v>9726</v>
      </c>
      <c r="D31" s="946">
        <v>4945</v>
      </c>
      <c r="E31" s="945">
        <v>4781</v>
      </c>
      <c r="F31" s="930">
        <v>7963</v>
      </c>
      <c r="G31" s="946">
        <v>4052</v>
      </c>
      <c r="H31" s="945">
        <v>3911</v>
      </c>
      <c r="I31" s="930">
        <v>7986</v>
      </c>
      <c r="J31" s="946">
        <v>4065</v>
      </c>
      <c r="K31" s="946">
        <v>3921</v>
      </c>
      <c r="L31" s="930">
        <v>23</v>
      </c>
      <c r="M31" s="931">
        <v>0.2</v>
      </c>
      <c r="N31" s="930">
        <v>13</v>
      </c>
      <c r="O31" s="932">
        <v>0.2</v>
      </c>
      <c r="P31" s="945">
        <v>10</v>
      </c>
      <c r="Q31" s="932">
        <v>0.2</v>
      </c>
      <c r="R31" s="945">
        <v>1763</v>
      </c>
      <c r="S31" s="946">
        <v>893</v>
      </c>
      <c r="T31" s="930">
        <v>870</v>
      </c>
      <c r="U31" s="930">
        <v>5801</v>
      </c>
      <c r="V31" s="931">
        <v>10.5</v>
      </c>
      <c r="W31" s="930">
        <v>2955</v>
      </c>
      <c r="X31" s="932">
        <v>10</v>
      </c>
      <c r="Y31" s="930">
        <v>2846</v>
      </c>
      <c r="Z31" s="932">
        <v>11.1</v>
      </c>
      <c r="AA31" s="930">
        <v>4038</v>
      </c>
      <c r="AB31" s="931">
        <v>8.6</v>
      </c>
      <c r="AC31" s="930">
        <v>2062</v>
      </c>
      <c r="AD31" s="932">
        <v>8.1999999999999993</v>
      </c>
      <c r="AE31" s="930">
        <v>1976</v>
      </c>
      <c r="AF31" s="931">
        <v>9.1999999999999993</v>
      </c>
    </row>
    <row r="32" spans="1:32" s="319" customFormat="1" ht="22.5" customHeight="1">
      <c r="A32" s="341">
        <v>779098</v>
      </c>
      <c r="B32" s="320" t="s">
        <v>587</v>
      </c>
      <c r="C32" s="945">
        <v>4531</v>
      </c>
      <c r="D32" s="946">
        <v>2246</v>
      </c>
      <c r="E32" s="945">
        <v>2285</v>
      </c>
      <c r="F32" s="930">
        <v>-1212</v>
      </c>
      <c r="G32" s="946">
        <v>-767</v>
      </c>
      <c r="H32" s="945">
        <v>-445</v>
      </c>
      <c r="I32" s="948" t="s">
        <v>70</v>
      </c>
      <c r="J32" s="949" t="s">
        <v>70</v>
      </c>
      <c r="K32" s="949" t="s">
        <v>70</v>
      </c>
      <c r="L32" s="930">
        <v>1212</v>
      </c>
      <c r="M32" s="931">
        <v>9.3000000000000007</v>
      </c>
      <c r="N32" s="930">
        <v>767</v>
      </c>
      <c r="O32" s="932">
        <v>11.4</v>
      </c>
      <c r="P32" s="945">
        <v>445</v>
      </c>
      <c r="Q32" s="932">
        <v>7</v>
      </c>
      <c r="R32" s="945">
        <v>5743</v>
      </c>
      <c r="S32" s="946">
        <v>3013</v>
      </c>
      <c r="T32" s="945">
        <v>2730</v>
      </c>
      <c r="U32" s="930">
        <v>45366</v>
      </c>
      <c r="V32" s="931">
        <v>82.2</v>
      </c>
      <c r="W32" s="930">
        <v>24881</v>
      </c>
      <c r="X32" s="932">
        <v>84.4</v>
      </c>
      <c r="Y32" s="930">
        <v>20485</v>
      </c>
      <c r="Z32" s="932">
        <v>79.7</v>
      </c>
      <c r="AA32" s="930">
        <v>39623</v>
      </c>
      <c r="AB32" s="931">
        <v>84.6</v>
      </c>
      <c r="AC32" s="930">
        <v>21868</v>
      </c>
      <c r="AD32" s="932">
        <v>86.5</v>
      </c>
      <c r="AE32" s="930">
        <v>17755</v>
      </c>
      <c r="AF32" s="931">
        <v>82.3</v>
      </c>
    </row>
    <row r="33" spans="1:32" s="319" customFormat="1" ht="22.5" customHeight="1" thickBot="1">
      <c r="A33" s="556">
        <v>356316</v>
      </c>
      <c r="B33" s="321" t="s">
        <v>588</v>
      </c>
      <c r="C33" s="958">
        <v>-11023</v>
      </c>
      <c r="D33" s="959">
        <v>-5670</v>
      </c>
      <c r="E33" s="958">
        <v>-5353</v>
      </c>
      <c r="F33" s="940">
        <v>-11839</v>
      </c>
      <c r="G33" s="959">
        <v>-5953</v>
      </c>
      <c r="H33" s="958">
        <v>-5886</v>
      </c>
      <c r="I33" s="960" t="s">
        <v>70</v>
      </c>
      <c r="J33" s="961" t="s">
        <v>70</v>
      </c>
      <c r="K33" s="961" t="s">
        <v>70</v>
      </c>
      <c r="L33" s="940">
        <v>11839</v>
      </c>
      <c r="M33" s="941">
        <v>90.6</v>
      </c>
      <c r="N33" s="940">
        <v>5953</v>
      </c>
      <c r="O33" s="942">
        <v>88.4</v>
      </c>
      <c r="P33" s="958">
        <v>5886</v>
      </c>
      <c r="Q33" s="942">
        <v>92.8</v>
      </c>
      <c r="R33" s="958">
        <v>816</v>
      </c>
      <c r="S33" s="959">
        <v>283</v>
      </c>
      <c r="T33" s="958">
        <v>533</v>
      </c>
      <c r="U33" s="940">
        <v>4000</v>
      </c>
      <c r="V33" s="941">
        <v>7.3</v>
      </c>
      <c r="W33" s="940">
        <v>1636</v>
      </c>
      <c r="X33" s="942">
        <v>5.6</v>
      </c>
      <c r="Y33" s="940">
        <v>2364</v>
      </c>
      <c r="Z33" s="942">
        <v>9.1999999999999993</v>
      </c>
      <c r="AA33" s="940">
        <v>3184</v>
      </c>
      <c r="AB33" s="941">
        <v>6.8</v>
      </c>
      <c r="AC33" s="940">
        <v>1353</v>
      </c>
      <c r="AD33" s="942">
        <v>5.4</v>
      </c>
      <c r="AE33" s="940">
        <v>1831</v>
      </c>
      <c r="AF33" s="941">
        <v>8.5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89</v>
      </c>
    </row>
    <row r="37" spans="1:32" s="322" customFormat="1" ht="18" customHeight="1">
      <c r="A37" s="962" t="s">
        <v>590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91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2"/>
  <sheetViews>
    <sheetView zoomScaleNormal="100" workbookViewId="0"/>
  </sheetViews>
  <sheetFormatPr defaultRowHeight="12"/>
  <cols>
    <col min="1" max="1" width="6.5" style="60" customWidth="1"/>
    <col min="2" max="2" width="12.375" style="60" customWidth="1"/>
    <col min="3" max="3" width="13.75" style="60" customWidth="1"/>
    <col min="4" max="4" width="9.75" style="60" customWidth="1"/>
    <col min="5" max="5" width="13.75" style="60" customWidth="1"/>
    <col min="6" max="6" width="9.75" style="60" customWidth="1"/>
    <col min="7" max="7" width="13.75" style="60" customWidth="1"/>
    <col min="8" max="8" width="9.75" style="60" customWidth="1"/>
    <col min="9" max="16384" width="9" style="60"/>
  </cols>
  <sheetData>
    <row r="1" spans="1:9" ht="15" customHeight="1" thickBot="1">
      <c r="A1" s="780" t="s">
        <v>45</v>
      </c>
    </row>
    <row r="2" spans="1:9" ht="12.75" customHeight="1" thickTop="1">
      <c r="A2" s="781" t="s">
        <v>46</v>
      </c>
      <c r="B2" s="782"/>
      <c r="C2" s="1044" t="s">
        <v>47</v>
      </c>
      <c r="D2" s="1045"/>
      <c r="E2" s="1044" t="s">
        <v>48</v>
      </c>
      <c r="F2" s="1045"/>
      <c r="G2" s="1044" t="s">
        <v>49</v>
      </c>
      <c r="H2" s="1048"/>
      <c r="I2" s="783"/>
    </row>
    <row r="3" spans="1:9" ht="11.25" customHeight="1">
      <c r="A3" s="784" t="s">
        <v>50</v>
      </c>
      <c r="B3" s="785" t="s">
        <v>51</v>
      </c>
      <c r="C3" s="1046"/>
      <c r="D3" s="1047"/>
      <c r="E3" s="1046"/>
      <c r="F3" s="1047"/>
      <c r="G3" s="1046"/>
      <c r="H3" s="1049"/>
      <c r="I3" s="783"/>
    </row>
    <row r="4" spans="1:9" ht="12.75" customHeight="1">
      <c r="A4" s="786" t="s">
        <v>52</v>
      </c>
      <c r="B4" s="787"/>
      <c r="C4" s="788" t="s">
        <v>53</v>
      </c>
      <c r="D4" s="789" t="s">
        <v>54</v>
      </c>
      <c r="E4" s="788" t="s">
        <v>55</v>
      </c>
      <c r="F4" s="790" t="s">
        <v>56</v>
      </c>
      <c r="G4" s="788" t="s">
        <v>55</v>
      </c>
      <c r="H4" s="790" t="s">
        <v>56</v>
      </c>
    </row>
    <row r="5" spans="1:9" s="39" customFormat="1" ht="11.25" customHeight="1">
      <c r="A5" s="54"/>
      <c r="B5" s="55"/>
      <c r="C5" s="56" t="s">
        <v>12</v>
      </c>
      <c r="D5" s="57" t="s">
        <v>58</v>
      </c>
      <c r="E5" s="56" t="s">
        <v>12</v>
      </c>
      <c r="F5" s="58" t="s">
        <v>59</v>
      </c>
      <c r="G5" s="56" t="s">
        <v>12</v>
      </c>
      <c r="H5" s="58" t="s">
        <v>22</v>
      </c>
      <c r="I5" s="59"/>
    </row>
    <row r="6" spans="1:9" ht="13.5">
      <c r="A6" s="791"/>
      <c r="B6" s="792" t="s">
        <v>954</v>
      </c>
      <c r="C6" s="793">
        <v>9231177</v>
      </c>
      <c r="D6" s="794" t="s">
        <v>60</v>
      </c>
      <c r="E6" s="795">
        <v>4579919</v>
      </c>
      <c r="F6" s="796" t="s">
        <v>61</v>
      </c>
      <c r="G6" s="795">
        <v>4651258</v>
      </c>
      <c r="H6" s="797" t="s">
        <v>62</v>
      </c>
    </row>
    <row r="7" spans="1:9" ht="12.6" customHeight="1">
      <c r="A7" s="791" t="s">
        <v>63</v>
      </c>
      <c r="B7" s="798" t="s">
        <v>955</v>
      </c>
      <c r="C7" s="799">
        <v>682408</v>
      </c>
      <c r="D7" s="800">
        <v>7.5679295223754233</v>
      </c>
      <c r="E7" s="799">
        <v>349700</v>
      </c>
      <c r="F7" s="801">
        <v>7.8331566747813124</v>
      </c>
      <c r="G7" s="799">
        <v>332708</v>
      </c>
      <c r="H7" s="800">
        <v>7.3078517211696585</v>
      </c>
    </row>
    <row r="8" spans="1:9" ht="12.6" customHeight="1">
      <c r="A8" s="791" t="s">
        <v>64</v>
      </c>
      <c r="B8" s="802" t="s">
        <v>72</v>
      </c>
      <c r="C8" s="803">
        <v>782240</v>
      </c>
      <c r="D8" s="800">
        <v>8.6750700308070119</v>
      </c>
      <c r="E8" s="803">
        <v>400880</v>
      </c>
      <c r="F8" s="800">
        <v>8.9795706256400702</v>
      </c>
      <c r="G8" s="803">
        <v>381360</v>
      </c>
      <c r="H8" s="800">
        <v>8.3764812760296152</v>
      </c>
    </row>
    <row r="9" spans="1:9" ht="12.6" customHeight="1">
      <c r="A9" s="791">
        <v>4</v>
      </c>
      <c r="B9" s="802" t="s">
        <v>73</v>
      </c>
      <c r="C9" s="803">
        <v>978913</v>
      </c>
      <c r="D9" s="800">
        <v>10.856180748961169</v>
      </c>
      <c r="E9" s="803">
        <v>502414</v>
      </c>
      <c r="F9" s="800">
        <v>11.253896418654785</v>
      </c>
      <c r="G9" s="803">
        <v>476499</v>
      </c>
      <c r="H9" s="800">
        <v>10.466186678064913</v>
      </c>
    </row>
    <row r="10" spans="1:9" ht="12.6" customHeight="1">
      <c r="A10" s="791" t="s">
        <v>52</v>
      </c>
      <c r="B10" s="802" t="s">
        <v>74</v>
      </c>
      <c r="C10" s="803">
        <v>1030414</v>
      </c>
      <c r="D10" s="800">
        <v>11.427328710784384</v>
      </c>
      <c r="E10" s="803">
        <v>530878</v>
      </c>
      <c r="F10" s="800">
        <v>11.891479980539186</v>
      </c>
      <c r="G10" s="804">
        <v>499536</v>
      </c>
      <c r="H10" s="800">
        <v>10.972188878494677</v>
      </c>
    </row>
    <row r="11" spans="1:9" ht="12.6" customHeight="1">
      <c r="A11" s="791">
        <v>1</v>
      </c>
      <c r="B11" s="805" t="s">
        <v>75</v>
      </c>
      <c r="C11" s="806">
        <v>1359787</v>
      </c>
      <c r="D11" s="807">
        <v>15.080087251969951</v>
      </c>
      <c r="E11" s="806">
        <v>694472</v>
      </c>
      <c r="F11" s="807">
        <v>15.555927887471341</v>
      </c>
      <c r="G11" s="806">
        <v>665315</v>
      </c>
      <c r="H11" s="808">
        <v>14.613485001472737</v>
      </c>
    </row>
    <row r="12" spans="1:9" ht="12.6" customHeight="1">
      <c r="A12" s="791" t="s">
        <v>65</v>
      </c>
      <c r="B12" s="802" t="s">
        <v>76</v>
      </c>
      <c r="C12" s="803">
        <v>1362218</v>
      </c>
      <c r="D12" s="800">
        <v>15.10704713032556</v>
      </c>
      <c r="E12" s="803">
        <v>702109</v>
      </c>
      <c r="F12" s="800">
        <v>15.726993994206556</v>
      </c>
      <c r="G12" s="803">
        <v>660109</v>
      </c>
      <c r="H12" s="800">
        <v>14.499136455419112</v>
      </c>
    </row>
    <row r="13" spans="1:9" ht="12.6" customHeight="1">
      <c r="A13" s="791">
        <v>1</v>
      </c>
      <c r="B13" s="802" t="s">
        <v>77</v>
      </c>
      <c r="C13" s="803">
        <v>978449</v>
      </c>
      <c r="D13" s="800">
        <v>10.851034972096913</v>
      </c>
      <c r="E13" s="803">
        <v>490149</v>
      </c>
      <c r="F13" s="800">
        <v>10.979164744030271</v>
      </c>
      <c r="G13" s="803">
        <v>488300</v>
      </c>
      <c r="H13" s="800">
        <v>10.725392823277902</v>
      </c>
    </row>
    <row r="14" spans="1:9" ht="12.6" customHeight="1">
      <c r="A14" s="791" t="s">
        <v>66</v>
      </c>
      <c r="B14" s="802" t="s">
        <v>78</v>
      </c>
      <c r="C14" s="803">
        <v>1078760</v>
      </c>
      <c r="D14" s="800">
        <v>11.963487607937937</v>
      </c>
      <c r="E14" s="803">
        <v>500095</v>
      </c>
      <c r="F14" s="800">
        <v>11.201951636473435</v>
      </c>
      <c r="G14" s="803">
        <v>578665</v>
      </c>
      <c r="H14" s="800">
        <v>12.710238456035444</v>
      </c>
    </row>
    <row r="15" spans="1:9" ht="12.6" customHeight="1">
      <c r="A15" s="791" t="s">
        <v>67</v>
      </c>
      <c r="B15" s="802" t="s">
        <v>79</v>
      </c>
      <c r="C15" s="803">
        <v>618831</v>
      </c>
      <c r="D15" s="800">
        <v>6.8628582816454466</v>
      </c>
      <c r="E15" s="803">
        <v>253786</v>
      </c>
      <c r="F15" s="800">
        <v>5.6847168998171291</v>
      </c>
      <c r="G15" s="803">
        <v>365045</v>
      </c>
      <c r="H15" s="800">
        <v>8.0181261994132331</v>
      </c>
    </row>
    <row r="16" spans="1:9" ht="12.6" customHeight="1">
      <c r="A16" s="791" t="s">
        <v>68</v>
      </c>
      <c r="B16" s="802" t="s">
        <v>80</v>
      </c>
      <c r="C16" s="803">
        <v>140277</v>
      </c>
      <c r="D16" s="800">
        <v>1.5556770284203252</v>
      </c>
      <c r="E16" s="803">
        <v>39237</v>
      </c>
      <c r="F16" s="807">
        <v>0.8788949626777075</v>
      </c>
      <c r="G16" s="803">
        <v>101040</v>
      </c>
      <c r="H16" s="808">
        <v>2.2193194570223209</v>
      </c>
    </row>
    <row r="17" spans="1:9" ht="12.6" customHeight="1" thickBot="1">
      <c r="A17" s="825"/>
      <c r="B17" s="826" t="s">
        <v>69</v>
      </c>
      <c r="C17" s="827">
        <v>4806</v>
      </c>
      <c r="D17" s="828">
        <v>5.3298714675877608E-2</v>
      </c>
      <c r="E17" s="829">
        <v>636</v>
      </c>
      <c r="F17" s="830">
        <v>1.424617570820965E-2</v>
      </c>
      <c r="G17" s="1011">
        <v>4170</v>
      </c>
      <c r="H17" s="831">
        <v>9.1593053600386748E-2</v>
      </c>
    </row>
    <row r="18" spans="1:9" s="39" customFormat="1" ht="11.25" customHeight="1" thickTop="1">
      <c r="A18" s="54"/>
      <c r="B18" s="821"/>
      <c r="C18" s="822" t="s">
        <v>12</v>
      </c>
      <c r="D18" s="823" t="s">
        <v>22</v>
      </c>
      <c r="E18" s="822" t="s">
        <v>12</v>
      </c>
      <c r="F18" s="824" t="s">
        <v>22</v>
      </c>
      <c r="G18" s="822" t="s">
        <v>12</v>
      </c>
      <c r="H18" s="824" t="s">
        <v>22</v>
      </c>
      <c r="I18" s="59"/>
    </row>
    <row r="19" spans="1:9" ht="13.5" customHeight="1">
      <c r="A19" s="791"/>
      <c r="B19" s="792" t="s">
        <v>954</v>
      </c>
      <c r="C19" s="793">
        <v>9236337</v>
      </c>
      <c r="D19" s="794" t="s">
        <v>70</v>
      </c>
      <c r="E19" s="795">
        <v>4586915</v>
      </c>
      <c r="F19" s="794" t="s">
        <v>70</v>
      </c>
      <c r="G19" s="795">
        <v>4649422</v>
      </c>
      <c r="H19" s="809" t="s">
        <v>70</v>
      </c>
    </row>
    <row r="20" spans="1:9" ht="12.6" customHeight="1">
      <c r="A20" s="791" t="s">
        <v>63</v>
      </c>
      <c r="B20" s="798" t="s">
        <v>955</v>
      </c>
      <c r="C20" s="799">
        <v>696188</v>
      </c>
      <c r="D20" s="810">
        <v>7.7163371483419896</v>
      </c>
      <c r="E20" s="799">
        <v>356854</v>
      </c>
      <c r="F20" s="811">
        <v>7.9809006228543948</v>
      </c>
      <c r="G20" s="799">
        <v>339334</v>
      </c>
      <c r="H20" s="811">
        <v>7.4563988301240851</v>
      </c>
    </row>
    <row r="21" spans="1:9" ht="12.6" customHeight="1">
      <c r="A21" s="791" t="s">
        <v>64</v>
      </c>
      <c r="B21" s="802" t="s">
        <v>72</v>
      </c>
      <c r="C21" s="803">
        <v>793420</v>
      </c>
      <c r="D21" s="812">
        <v>8.7940272171274163</v>
      </c>
      <c r="E21" s="803">
        <v>406601</v>
      </c>
      <c r="F21" s="813">
        <v>9.0934728885012355</v>
      </c>
      <c r="G21" s="803">
        <v>386819</v>
      </c>
      <c r="H21" s="813">
        <v>8.4998165202124412</v>
      </c>
    </row>
    <row r="22" spans="1:9" ht="12.6" customHeight="1">
      <c r="A22" s="791">
        <v>3</v>
      </c>
      <c r="B22" s="802" t="s">
        <v>73</v>
      </c>
      <c r="C22" s="803">
        <v>968190</v>
      </c>
      <c r="D22" s="812">
        <v>10.731125017456824</v>
      </c>
      <c r="E22" s="803">
        <v>498248</v>
      </c>
      <c r="F22" s="813">
        <v>11.143122323235712</v>
      </c>
      <c r="G22" s="803">
        <v>469942</v>
      </c>
      <c r="H22" s="813">
        <v>10.326330338327939</v>
      </c>
    </row>
    <row r="23" spans="1:9" ht="12.6" customHeight="1">
      <c r="A23" s="791" t="s">
        <v>52</v>
      </c>
      <c r="B23" s="802" t="s">
        <v>74</v>
      </c>
      <c r="C23" s="803">
        <v>1047547</v>
      </c>
      <c r="D23" s="812">
        <v>11.610693994631056</v>
      </c>
      <c r="E23" s="803">
        <v>539412</v>
      </c>
      <c r="F23" s="813">
        <v>12.063739139186151</v>
      </c>
      <c r="G23" s="804">
        <v>508135</v>
      </c>
      <c r="H23" s="813">
        <v>11.165569083985401</v>
      </c>
    </row>
    <row r="24" spans="1:9" ht="12.6" customHeight="1">
      <c r="A24" s="791">
        <v>1</v>
      </c>
      <c r="B24" s="805" t="s">
        <v>75</v>
      </c>
      <c r="C24" s="806">
        <v>1401516</v>
      </c>
      <c r="D24" s="814">
        <v>15.533979291219715</v>
      </c>
      <c r="E24" s="806">
        <v>715730</v>
      </c>
      <c r="F24" s="815">
        <v>16.007022487615597</v>
      </c>
      <c r="G24" s="806">
        <v>685786</v>
      </c>
      <c r="H24" s="815">
        <v>15.069205939031974</v>
      </c>
    </row>
    <row r="25" spans="1:9" ht="12.6" customHeight="1">
      <c r="A25" s="791" t="s">
        <v>65</v>
      </c>
      <c r="B25" s="802" t="s">
        <v>76</v>
      </c>
      <c r="C25" s="803">
        <v>1316240</v>
      </c>
      <c r="D25" s="812">
        <v>14.588805908940774</v>
      </c>
      <c r="E25" s="803">
        <v>680367</v>
      </c>
      <c r="F25" s="813">
        <v>15.216142775671775</v>
      </c>
      <c r="G25" s="803">
        <v>635873</v>
      </c>
      <c r="H25" s="813">
        <v>13.972436281974373</v>
      </c>
    </row>
    <row r="26" spans="1:9" ht="12.6" customHeight="1">
      <c r="A26" s="791">
        <v>1</v>
      </c>
      <c r="B26" s="802" t="s">
        <v>77</v>
      </c>
      <c r="C26" s="803">
        <v>989916</v>
      </c>
      <c r="D26" s="812">
        <v>10.971929427881706</v>
      </c>
      <c r="E26" s="803">
        <v>494363</v>
      </c>
      <c r="F26" s="813">
        <v>11.056235812450378</v>
      </c>
      <c r="G26" s="803">
        <v>495553</v>
      </c>
      <c r="H26" s="813">
        <v>10.889096905893547</v>
      </c>
    </row>
    <row r="27" spans="1:9" ht="12.6" customHeight="1">
      <c r="A27" s="791" t="s">
        <v>66</v>
      </c>
      <c r="B27" s="802" t="s">
        <v>78</v>
      </c>
      <c r="C27" s="803">
        <v>1084403</v>
      </c>
      <c r="D27" s="812">
        <v>12.019194747214112</v>
      </c>
      <c r="E27" s="803">
        <v>502171</v>
      </c>
      <c r="F27" s="813">
        <v>11.230858689210194</v>
      </c>
      <c r="G27" s="803">
        <v>582232</v>
      </c>
      <c r="H27" s="813">
        <v>12.793748942519191</v>
      </c>
    </row>
    <row r="28" spans="1:9" ht="12.6" customHeight="1">
      <c r="A28" s="791" t="s">
        <v>67</v>
      </c>
      <c r="B28" s="802" t="s">
        <v>79</v>
      </c>
      <c r="C28" s="803">
        <v>589625</v>
      </c>
      <c r="D28" s="812">
        <v>6.5352250988111624</v>
      </c>
      <c r="E28" s="803">
        <v>240997</v>
      </c>
      <c r="F28" s="813">
        <v>5.3898039741912394</v>
      </c>
      <c r="G28" s="803">
        <v>348628</v>
      </c>
      <c r="H28" s="813">
        <v>7.6606217218094841</v>
      </c>
    </row>
    <row r="29" spans="1:9" ht="12.6" customHeight="1">
      <c r="A29" s="791" t="s">
        <v>68</v>
      </c>
      <c r="B29" s="802" t="s">
        <v>80</v>
      </c>
      <c r="C29" s="803">
        <v>130815</v>
      </c>
      <c r="D29" s="812">
        <v>1.4499138796709472</v>
      </c>
      <c r="E29" s="803">
        <v>36010</v>
      </c>
      <c r="F29" s="813">
        <v>0.80534961476958855</v>
      </c>
      <c r="G29" s="803">
        <v>94805</v>
      </c>
      <c r="H29" s="813">
        <v>2.0832097316800375</v>
      </c>
    </row>
    <row r="30" spans="1:9" ht="12.6" customHeight="1" thickBot="1">
      <c r="A30" s="825"/>
      <c r="B30" s="826" t="s">
        <v>69</v>
      </c>
      <c r="C30" s="827">
        <v>4400</v>
      </c>
      <c r="D30" s="832">
        <v>4.8768268704293599E-2</v>
      </c>
      <c r="E30" s="829">
        <v>597</v>
      </c>
      <c r="F30" s="833">
        <v>1.3351672313730752E-2</v>
      </c>
      <c r="G30" s="1011">
        <v>3803</v>
      </c>
      <c r="H30" s="833">
        <v>8.3565704441529276E-2</v>
      </c>
    </row>
    <row r="31" spans="1:9" s="39" customFormat="1" ht="11.25" customHeight="1" thickTop="1">
      <c r="A31" s="54"/>
      <c r="B31" s="821"/>
      <c r="C31" s="822" t="s">
        <v>12</v>
      </c>
      <c r="D31" s="823" t="s">
        <v>71</v>
      </c>
      <c r="E31" s="822" t="s">
        <v>12</v>
      </c>
      <c r="F31" s="824" t="s">
        <v>71</v>
      </c>
      <c r="G31" s="822" t="s">
        <v>12</v>
      </c>
      <c r="H31" s="824" t="s">
        <v>71</v>
      </c>
      <c r="I31" s="59"/>
    </row>
    <row r="32" spans="1:9" ht="13.5">
      <c r="A32" s="791"/>
      <c r="B32" s="816" t="s">
        <v>954</v>
      </c>
      <c r="C32" s="793">
        <v>9201825</v>
      </c>
      <c r="D32" s="794" t="s">
        <v>70</v>
      </c>
      <c r="E32" s="795">
        <v>4585811</v>
      </c>
      <c r="F32" s="794" t="s">
        <v>70</v>
      </c>
      <c r="G32" s="795">
        <v>4616014</v>
      </c>
      <c r="H32" s="809" t="s">
        <v>70</v>
      </c>
      <c r="I32" s="783"/>
    </row>
    <row r="33" spans="1:9" ht="12.6" customHeight="1">
      <c r="A33" s="791" t="s">
        <v>63</v>
      </c>
      <c r="B33" s="798" t="s">
        <v>955</v>
      </c>
      <c r="C33" s="799">
        <v>712810</v>
      </c>
      <c r="D33" s="810">
        <v>7.8168428008688329</v>
      </c>
      <c r="E33" s="799">
        <v>365040</v>
      </c>
      <c r="F33" s="811">
        <v>8.046836716271633</v>
      </c>
      <c r="G33" s="799">
        <v>347770</v>
      </c>
      <c r="H33" s="811">
        <v>7.58915848219449</v>
      </c>
    </row>
    <row r="34" spans="1:9" ht="12.6" customHeight="1">
      <c r="A34" s="791" t="s">
        <v>64</v>
      </c>
      <c r="B34" s="802" t="s">
        <v>72</v>
      </c>
      <c r="C34" s="803">
        <v>795897</v>
      </c>
      <c r="D34" s="812">
        <v>8.7279944651212826</v>
      </c>
      <c r="E34" s="803">
        <v>407736</v>
      </c>
      <c r="F34" s="813">
        <v>8.9880150540919637</v>
      </c>
      <c r="G34" s="803">
        <v>388161</v>
      </c>
      <c r="H34" s="813">
        <v>8.4705850004517238</v>
      </c>
    </row>
    <row r="35" spans="1:9" ht="12.6" customHeight="1">
      <c r="A35" s="791">
        <v>2</v>
      </c>
      <c r="B35" s="802" t="s">
        <v>73</v>
      </c>
      <c r="C35" s="803">
        <v>1012286</v>
      </c>
      <c r="D35" s="812">
        <v>11.100967342658363</v>
      </c>
      <c r="E35" s="803">
        <v>529378</v>
      </c>
      <c r="F35" s="813">
        <v>11.669456298450703</v>
      </c>
      <c r="G35" s="803">
        <v>482908</v>
      </c>
      <c r="H35" s="813">
        <v>10.538187147596334</v>
      </c>
    </row>
    <row r="36" spans="1:9" ht="12.6" customHeight="1">
      <c r="A36" s="791" t="s">
        <v>52</v>
      </c>
      <c r="B36" s="802" t="s">
        <v>74</v>
      </c>
      <c r="C36" s="803">
        <v>1076714</v>
      </c>
      <c r="D36" s="812">
        <v>11.807500006305585</v>
      </c>
      <c r="E36" s="803">
        <v>555265</v>
      </c>
      <c r="F36" s="813">
        <v>12.240101877220491</v>
      </c>
      <c r="G36" s="804">
        <v>521449</v>
      </c>
      <c r="H36" s="813">
        <v>11.379242319296761</v>
      </c>
    </row>
    <row r="37" spans="1:9" ht="12.6" customHeight="1">
      <c r="A37" s="791">
        <v>1</v>
      </c>
      <c r="B37" s="805" t="s">
        <v>75</v>
      </c>
      <c r="C37" s="806">
        <v>1446403</v>
      </c>
      <c r="D37" s="814">
        <v>15.861596887957635</v>
      </c>
      <c r="E37" s="806">
        <v>740763</v>
      </c>
      <c r="F37" s="815">
        <v>16.329166410408511</v>
      </c>
      <c r="G37" s="806">
        <v>705640</v>
      </c>
      <c r="H37" s="815">
        <v>15.398722694239641</v>
      </c>
    </row>
    <row r="38" spans="1:9" ht="12.6" customHeight="1">
      <c r="A38" s="791" t="s">
        <v>65</v>
      </c>
      <c r="B38" s="802" t="s">
        <v>76</v>
      </c>
      <c r="C38" s="803">
        <v>1277590</v>
      </c>
      <c r="D38" s="812">
        <v>14.01035366221295</v>
      </c>
      <c r="E38" s="803">
        <v>662796</v>
      </c>
      <c r="F38" s="813">
        <v>14.610484298153553</v>
      </c>
      <c r="G38" s="803">
        <v>614794</v>
      </c>
      <c r="H38" s="813">
        <v>13.416249532456161</v>
      </c>
    </row>
    <row r="39" spans="1:9" ht="12.6" customHeight="1">
      <c r="A39" s="791">
        <v>1</v>
      </c>
      <c r="B39" s="802" t="s">
        <v>77</v>
      </c>
      <c r="C39" s="803">
        <v>1022297</v>
      </c>
      <c r="D39" s="812">
        <v>11.210750332907514</v>
      </c>
      <c r="E39" s="803">
        <v>508630</v>
      </c>
      <c r="F39" s="813">
        <v>11.212093356884836</v>
      </c>
      <c r="G39" s="803">
        <v>513667</v>
      </c>
      <c r="H39" s="813">
        <v>11.209420795564302</v>
      </c>
    </row>
    <row r="40" spans="1:9" ht="12.6" customHeight="1">
      <c r="A40" s="791" t="s">
        <v>66</v>
      </c>
      <c r="B40" s="802" t="s">
        <v>78</v>
      </c>
      <c r="C40" s="803">
        <v>1082155</v>
      </c>
      <c r="D40" s="812">
        <v>11.867167297280078</v>
      </c>
      <c r="E40" s="803">
        <v>501357</v>
      </c>
      <c r="F40" s="813">
        <v>11.051769437759688</v>
      </c>
      <c r="G40" s="803">
        <v>580798</v>
      </c>
      <c r="H40" s="813">
        <v>12.67437693918853</v>
      </c>
    </row>
    <row r="41" spans="1:9" ht="12.6" customHeight="1">
      <c r="A41" s="791" t="s">
        <v>67</v>
      </c>
      <c r="B41" s="802" t="s">
        <v>79</v>
      </c>
      <c r="C41" s="803">
        <v>562796</v>
      </c>
      <c r="D41" s="812">
        <v>6.1717538487924912</v>
      </c>
      <c r="E41" s="803">
        <v>230465</v>
      </c>
      <c r="F41" s="813">
        <v>5.0803041415065247</v>
      </c>
      <c r="G41" s="803">
        <v>332331</v>
      </c>
      <c r="H41" s="813">
        <v>7.2522432284158418</v>
      </c>
    </row>
    <row r="42" spans="1:9" ht="12.6" customHeight="1">
      <c r="A42" s="791" t="s">
        <v>68</v>
      </c>
      <c r="B42" s="802" t="s">
        <v>80</v>
      </c>
      <c r="C42" s="803">
        <v>125174</v>
      </c>
      <c r="D42" s="812">
        <v>1.3726876457344246</v>
      </c>
      <c r="E42" s="803">
        <v>34304</v>
      </c>
      <c r="F42" s="813">
        <v>0.75618750469806617</v>
      </c>
      <c r="G42" s="803">
        <v>90870</v>
      </c>
      <c r="H42" s="813">
        <v>1.9829968981712434</v>
      </c>
    </row>
    <row r="43" spans="1:9" ht="12.6" customHeight="1" thickBot="1">
      <c r="A43" s="825"/>
      <c r="B43" s="826" t="s">
        <v>69</v>
      </c>
      <c r="C43" s="827">
        <v>4777</v>
      </c>
      <c r="D43" s="832">
        <v>5.2385710160842876E-2</v>
      </c>
      <c r="E43" s="829">
        <v>707</v>
      </c>
      <c r="F43" s="833">
        <v>1.5584904554032556E-2</v>
      </c>
      <c r="G43" s="1011">
        <v>4070</v>
      </c>
      <c r="H43" s="833">
        <v>8.8816962424969309E-2</v>
      </c>
    </row>
    <row r="44" spans="1:9" s="39" customFormat="1" ht="11.25" customHeight="1" thickTop="1">
      <c r="A44" s="54"/>
      <c r="B44" s="821"/>
      <c r="C44" s="822" t="s">
        <v>12</v>
      </c>
      <c r="D44" s="823" t="s">
        <v>71</v>
      </c>
      <c r="E44" s="822" t="s">
        <v>12</v>
      </c>
      <c r="F44" s="824" t="s">
        <v>71</v>
      </c>
      <c r="G44" s="822" t="s">
        <v>12</v>
      </c>
      <c r="H44" s="824" t="s">
        <v>71</v>
      </c>
      <c r="I44" s="59"/>
    </row>
    <row r="45" spans="1:9" ht="13.5" customHeight="1">
      <c r="A45" s="791"/>
      <c r="B45" s="792" t="s">
        <v>954</v>
      </c>
      <c r="C45" s="793">
        <v>9181625</v>
      </c>
      <c r="D45" s="794" t="s">
        <v>70</v>
      </c>
      <c r="E45" s="795">
        <v>4577523</v>
      </c>
      <c r="F45" s="794" t="s">
        <v>70</v>
      </c>
      <c r="G45" s="795">
        <v>4604102</v>
      </c>
      <c r="H45" s="809" t="s">
        <v>70</v>
      </c>
      <c r="I45" s="783"/>
    </row>
    <row r="46" spans="1:9" ht="12.6" customHeight="1">
      <c r="A46" s="791" t="s">
        <v>81</v>
      </c>
      <c r="B46" s="798" t="s">
        <v>956</v>
      </c>
      <c r="C46" s="799">
        <v>722972</v>
      </c>
      <c r="D46" s="810">
        <v>7.9458832521001082</v>
      </c>
      <c r="E46" s="799">
        <v>369916</v>
      </c>
      <c r="F46" s="811">
        <v>8.1692469313647305</v>
      </c>
      <c r="G46" s="799">
        <v>353056</v>
      </c>
      <c r="H46" s="811">
        <v>7.724591328913438</v>
      </c>
    </row>
    <row r="47" spans="1:9" ht="12.6" customHeight="1">
      <c r="A47" s="791" t="s">
        <v>82</v>
      </c>
      <c r="B47" s="802" t="s">
        <v>72</v>
      </c>
      <c r="C47" s="803">
        <v>801435</v>
      </c>
      <c r="D47" s="812">
        <v>8.8082373095318349</v>
      </c>
      <c r="E47" s="803">
        <v>410565</v>
      </c>
      <c r="F47" s="813">
        <v>9.066941863492687</v>
      </c>
      <c r="G47" s="803">
        <v>390870</v>
      </c>
      <c r="H47" s="813">
        <v>8.5519323074311036</v>
      </c>
    </row>
    <row r="48" spans="1:9" ht="12.6" customHeight="1">
      <c r="A48" s="791">
        <v>31</v>
      </c>
      <c r="B48" s="802" t="s">
        <v>73</v>
      </c>
      <c r="C48" s="803">
        <v>995329</v>
      </c>
      <c r="D48" s="812">
        <v>10.939245270120486</v>
      </c>
      <c r="E48" s="803">
        <v>520556</v>
      </c>
      <c r="F48" s="813">
        <v>11.49598964522621</v>
      </c>
      <c r="G48" s="803">
        <v>474773</v>
      </c>
      <c r="H48" s="813">
        <v>10.387664843543856</v>
      </c>
    </row>
    <row r="49" spans="1:9" ht="12.6" customHeight="1">
      <c r="A49" s="791" t="s">
        <v>52</v>
      </c>
      <c r="B49" s="802" t="s">
        <v>74</v>
      </c>
      <c r="C49" s="803">
        <v>1102019</v>
      </c>
      <c r="D49" s="812">
        <v>12.111830493568366</v>
      </c>
      <c r="E49" s="803">
        <v>568179</v>
      </c>
      <c r="F49" s="813">
        <v>12.547698807880387</v>
      </c>
      <c r="G49" s="804">
        <v>533840</v>
      </c>
      <c r="H49" s="813">
        <v>11.680004970959706</v>
      </c>
    </row>
    <row r="50" spans="1:9" ht="12.6" customHeight="1">
      <c r="A50" s="791">
        <v>1</v>
      </c>
      <c r="B50" s="805" t="s">
        <v>75</v>
      </c>
      <c r="C50" s="806">
        <v>1473665</v>
      </c>
      <c r="D50" s="814">
        <v>16.196436435582715</v>
      </c>
      <c r="E50" s="806">
        <v>755533</v>
      </c>
      <c r="F50" s="815">
        <v>16.685235679978128</v>
      </c>
      <c r="G50" s="806">
        <v>718132</v>
      </c>
      <c r="H50" s="815">
        <v>15.712170931000365</v>
      </c>
    </row>
    <row r="51" spans="1:9" ht="12.6" customHeight="1">
      <c r="A51" s="791" t="s">
        <v>65</v>
      </c>
      <c r="B51" s="802" t="s">
        <v>76</v>
      </c>
      <c r="C51" s="803">
        <v>1231135</v>
      </c>
      <c r="D51" s="812">
        <v>13.530890515226407</v>
      </c>
      <c r="E51" s="803">
        <v>639333</v>
      </c>
      <c r="F51" s="813">
        <v>14.119067973189066</v>
      </c>
      <c r="G51" s="803">
        <v>591802</v>
      </c>
      <c r="H51" s="813">
        <v>12.948168555791803</v>
      </c>
    </row>
    <row r="52" spans="1:9" ht="12.6" customHeight="1">
      <c r="A52" s="791">
        <v>1</v>
      </c>
      <c r="B52" s="802" t="s">
        <v>77</v>
      </c>
      <c r="C52" s="803">
        <v>1068250</v>
      </c>
      <c r="D52" s="812">
        <v>11.74068952055673</v>
      </c>
      <c r="E52" s="803">
        <v>528702</v>
      </c>
      <c r="F52" s="813">
        <v>11.675886393414709</v>
      </c>
      <c r="G52" s="803">
        <v>539548</v>
      </c>
      <c r="H52" s="813">
        <v>11.804891581881026</v>
      </c>
    </row>
    <row r="53" spans="1:9" ht="12.6" customHeight="1">
      <c r="A53" s="791" t="s">
        <v>66</v>
      </c>
      <c r="B53" s="802" t="s">
        <v>78</v>
      </c>
      <c r="C53" s="803">
        <v>1037862</v>
      </c>
      <c r="D53" s="812">
        <v>11.406707706233606</v>
      </c>
      <c r="E53" s="803">
        <v>481538</v>
      </c>
      <c r="F53" s="813">
        <v>10.634313814042944</v>
      </c>
      <c r="G53" s="803">
        <v>556324</v>
      </c>
      <c r="H53" s="813">
        <v>12.171937444672912</v>
      </c>
    </row>
    <row r="54" spans="1:9" ht="12.6" customHeight="1">
      <c r="A54" s="791" t="s">
        <v>67</v>
      </c>
      <c r="B54" s="802" t="s">
        <v>79</v>
      </c>
      <c r="C54" s="803">
        <v>544341</v>
      </c>
      <c r="D54" s="812">
        <v>5.9826245488503353</v>
      </c>
      <c r="E54" s="803">
        <v>221599</v>
      </c>
      <c r="F54" s="813">
        <v>4.893805487579594</v>
      </c>
      <c r="G54" s="803">
        <v>322742</v>
      </c>
      <c r="H54" s="813">
        <v>7.0613445308284826</v>
      </c>
    </row>
    <row r="55" spans="1:9" ht="12.6" customHeight="1">
      <c r="A55" s="791" t="s">
        <v>68</v>
      </c>
      <c r="B55" s="802" t="s">
        <v>80</v>
      </c>
      <c r="C55" s="803">
        <v>117274</v>
      </c>
      <c r="D55" s="812">
        <v>1.288909546298872</v>
      </c>
      <c r="E55" s="803">
        <v>31577</v>
      </c>
      <c r="F55" s="813">
        <v>0.69734834489912334</v>
      </c>
      <c r="G55" s="803">
        <v>85697</v>
      </c>
      <c r="H55" s="813">
        <v>1.8749838640722574</v>
      </c>
    </row>
    <row r="56" spans="1:9" ht="12.6" customHeight="1" thickBot="1">
      <c r="A56" s="825"/>
      <c r="B56" s="826" t="s">
        <v>69</v>
      </c>
      <c r="C56" s="827">
        <v>4417</v>
      </c>
      <c r="D56" s="832">
        <v>4.8545401930539744E-2</v>
      </c>
      <c r="E56" s="829">
        <v>655</v>
      </c>
      <c r="F56" s="833">
        <v>1.4465058932416815E-2</v>
      </c>
      <c r="G56" s="1011">
        <v>3762</v>
      </c>
      <c r="H56" s="833">
        <v>8.2309640905047221E-2</v>
      </c>
    </row>
    <row r="57" spans="1:9" s="39" customFormat="1" ht="11.25" customHeight="1" thickTop="1">
      <c r="A57" s="54"/>
      <c r="B57" s="821"/>
      <c r="C57" s="822" t="s">
        <v>12</v>
      </c>
      <c r="D57" s="823" t="s">
        <v>71</v>
      </c>
      <c r="E57" s="822" t="s">
        <v>12</v>
      </c>
      <c r="F57" s="824" t="s">
        <v>71</v>
      </c>
      <c r="G57" s="822" t="s">
        <v>12</v>
      </c>
      <c r="H57" s="824" t="s">
        <v>71</v>
      </c>
      <c r="I57" s="59"/>
    </row>
    <row r="58" spans="1:9" ht="13.5" customHeight="1">
      <c r="A58" s="791"/>
      <c r="B58" s="816" t="s">
        <v>954</v>
      </c>
      <c r="C58" s="793">
        <v>9163279</v>
      </c>
      <c r="D58" s="794" t="s">
        <v>70</v>
      </c>
      <c r="E58" s="795">
        <v>4570674</v>
      </c>
      <c r="F58" s="794" t="s">
        <v>70</v>
      </c>
      <c r="G58" s="817">
        <v>4592605</v>
      </c>
      <c r="H58" s="809" t="s">
        <v>70</v>
      </c>
      <c r="I58" s="783"/>
    </row>
    <row r="59" spans="1:9" ht="12.6" customHeight="1">
      <c r="A59" s="791" t="s">
        <v>81</v>
      </c>
      <c r="B59" s="798" t="s">
        <v>957</v>
      </c>
      <c r="C59" s="799">
        <v>731832</v>
      </c>
      <c r="D59" s="810">
        <v>8.0595104617628852</v>
      </c>
      <c r="E59" s="799">
        <v>374425</v>
      </c>
      <c r="F59" s="811">
        <v>8.281349805277415</v>
      </c>
      <c r="G59" s="799">
        <v>357407</v>
      </c>
      <c r="H59" s="818">
        <v>7.8395077569905478</v>
      </c>
    </row>
    <row r="60" spans="1:9" ht="12.6" customHeight="1">
      <c r="A60" s="791" t="s">
        <v>82</v>
      </c>
      <c r="B60" s="802" t="s">
        <v>72</v>
      </c>
      <c r="C60" s="803">
        <v>806300</v>
      </c>
      <c r="D60" s="812">
        <v>8.8796107376001796</v>
      </c>
      <c r="E60" s="803">
        <v>413054</v>
      </c>
      <c r="F60" s="813">
        <v>9.1357272149804576</v>
      </c>
      <c r="G60" s="803">
        <v>393246</v>
      </c>
      <c r="H60" s="819">
        <v>8.6256146841150425</v>
      </c>
    </row>
    <row r="61" spans="1:9" ht="12.6" customHeight="1">
      <c r="A61" s="791">
        <v>30</v>
      </c>
      <c r="B61" s="802" t="s">
        <v>73</v>
      </c>
      <c r="C61" s="803">
        <v>984389</v>
      </c>
      <c r="D61" s="812">
        <v>10.840867089638476</v>
      </c>
      <c r="E61" s="803">
        <v>514354</v>
      </c>
      <c r="F61" s="813">
        <v>11.376231281948748</v>
      </c>
      <c r="G61" s="803">
        <v>470035</v>
      </c>
      <c r="H61" s="819">
        <v>10.309935251847479</v>
      </c>
    </row>
    <row r="62" spans="1:9" ht="12.6" customHeight="1">
      <c r="A62" s="791" t="s">
        <v>52</v>
      </c>
      <c r="B62" s="802" t="s">
        <v>74</v>
      </c>
      <c r="C62" s="803">
        <v>1129691</v>
      </c>
      <c r="D62" s="812">
        <v>12.441047170743252</v>
      </c>
      <c r="E62" s="803">
        <v>582565</v>
      </c>
      <c r="F62" s="813">
        <v>12.884888961237731</v>
      </c>
      <c r="G62" s="804">
        <v>547126</v>
      </c>
      <c r="H62" s="819">
        <v>12.000880008089407</v>
      </c>
    </row>
    <row r="63" spans="1:9" ht="12.6" customHeight="1">
      <c r="A63" s="791">
        <v>1</v>
      </c>
      <c r="B63" s="805" t="s">
        <v>75</v>
      </c>
      <c r="C63" s="806">
        <v>1495249</v>
      </c>
      <c r="D63" s="814">
        <v>16.466859823621395</v>
      </c>
      <c r="E63" s="806">
        <v>768424</v>
      </c>
      <c r="F63" s="815">
        <v>16.995627810030026</v>
      </c>
      <c r="G63" s="806">
        <v>726825</v>
      </c>
      <c r="H63" s="820">
        <v>15.942469580827053</v>
      </c>
    </row>
    <row r="64" spans="1:9" ht="12.6" customHeight="1">
      <c r="A64" s="791" t="s">
        <v>65</v>
      </c>
      <c r="B64" s="802" t="s">
        <v>76</v>
      </c>
      <c r="C64" s="803">
        <v>1186602</v>
      </c>
      <c r="D64" s="812">
        <v>13.06779593260306</v>
      </c>
      <c r="E64" s="803">
        <v>615733</v>
      </c>
      <c r="F64" s="813">
        <v>13.61848263244409</v>
      </c>
      <c r="G64" s="803">
        <v>570869</v>
      </c>
      <c r="H64" s="819">
        <v>12.521668444449711</v>
      </c>
    </row>
    <row r="65" spans="1:8" ht="12.6" customHeight="1">
      <c r="A65" s="791">
        <v>1</v>
      </c>
      <c r="B65" s="802" t="s">
        <v>77</v>
      </c>
      <c r="C65" s="803">
        <v>1113300</v>
      </c>
      <c r="D65" s="812">
        <v>12.260536567245788</v>
      </c>
      <c r="E65" s="803">
        <v>548798</v>
      </c>
      <c r="F65" s="813">
        <v>12.138046899743967</v>
      </c>
      <c r="G65" s="803">
        <v>564502</v>
      </c>
      <c r="H65" s="819">
        <v>12.382012125774477</v>
      </c>
    </row>
    <row r="66" spans="1:8" ht="12.6" customHeight="1">
      <c r="A66" s="791" t="s">
        <v>66</v>
      </c>
      <c r="B66" s="802" t="s">
        <v>78</v>
      </c>
      <c r="C66" s="803">
        <v>991863</v>
      </c>
      <c r="D66" s="812">
        <v>10.923176665048153</v>
      </c>
      <c r="E66" s="803">
        <v>461260</v>
      </c>
      <c r="F66" s="813">
        <v>10.201924046690955</v>
      </c>
      <c r="G66" s="803">
        <v>530603</v>
      </c>
      <c r="H66" s="819">
        <v>11.638457932783789</v>
      </c>
    </row>
    <row r="67" spans="1:8" ht="12.6" customHeight="1">
      <c r="A67" s="791" t="s">
        <v>67</v>
      </c>
      <c r="B67" s="802" t="s">
        <v>79</v>
      </c>
      <c r="C67" s="803">
        <v>528188</v>
      </c>
      <c r="D67" s="812">
        <v>5.8168223195728181</v>
      </c>
      <c r="E67" s="803">
        <v>213254</v>
      </c>
      <c r="F67" s="813">
        <v>4.7166481174457635</v>
      </c>
      <c r="G67" s="803">
        <v>314934</v>
      </c>
      <c r="H67" s="819">
        <v>6.9078880266476625</v>
      </c>
    </row>
    <row r="68" spans="1:8" ht="12.6" customHeight="1">
      <c r="A68" s="791" t="s">
        <v>68</v>
      </c>
      <c r="B68" s="802" t="s">
        <v>80</v>
      </c>
      <c r="C68" s="803">
        <v>108768</v>
      </c>
      <c r="D68" s="812">
        <v>1.1978388945892302</v>
      </c>
      <c r="E68" s="803">
        <v>28833</v>
      </c>
      <c r="F68" s="813">
        <v>0.63771425234843748</v>
      </c>
      <c r="G68" s="803">
        <v>79935</v>
      </c>
      <c r="H68" s="819">
        <v>1.7533261871061265</v>
      </c>
    </row>
    <row r="69" spans="1:8" ht="12.6" customHeight="1" thickBot="1">
      <c r="A69" s="825"/>
      <c r="B69" s="826" t="s">
        <v>69</v>
      </c>
      <c r="C69" s="827">
        <v>4171</v>
      </c>
      <c r="D69" s="832">
        <v>4.5934337574761688E-2</v>
      </c>
      <c r="E69" s="829">
        <v>604</v>
      </c>
      <c r="F69" s="833">
        <v>1.3358977852407182E-2</v>
      </c>
      <c r="G69" s="827">
        <v>3567</v>
      </c>
      <c r="H69" s="834">
        <v>7.8240001368706499E-2</v>
      </c>
    </row>
    <row r="70" spans="1:8" ht="9" customHeight="1" thickTop="1"/>
    <row r="71" spans="1:8">
      <c r="A71" s="39" t="s">
        <v>83</v>
      </c>
    </row>
    <row r="72" spans="1:8">
      <c r="A72" s="39" t="s">
        <v>84</v>
      </c>
    </row>
  </sheetData>
  <mergeCells count="3">
    <mergeCell ref="C2:D3"/>
    <mergeCell ref="E2:F3"/>
    <mergeCell ref="G2:H3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20" firstPageNumber="8" orientation="portrait" blackAndWhite="1" r:id="rId1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9"/>
  <sheetViews>
    <sheetView view="pageBreakPreview" zoomScale="80" zoomScaleNormal="9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3" customWidth="1"/>
    <col min="2" max="2" width="10.625" style="153" customWidth="1"/>
    <col min="3" max="8" width="8.75" style="153" customWidth="1"/>
    <col min="9" max="11" width="8.25" style="153" customWidth="1"/>
    <col min="12" max="12" width="8.75" style="153" customWidth="1"/>
    <col min="13" max="13" width="7.125" style="153" customWidth="1"/>
    <col min="14" max="14" width="8.75" style="153" customWidth="1"/>
    <col min="15" max="15" width="7.25" style="153" customWidth="1"/>
    <col min="16" max="16" width="8.75" style="153" customWidth="1"/>
    <col min="17" max="17" width="7.125" style="153" customWidth="1"/>
    <col min="18" max="21" width="8.75" style="153" customWidth="1"/>
    <col min="22" max="22" width="7.125" style="153" customWidth="1"/>
    <col min="23" max="23" width="8.75" style="153" customWidth="1"/>
    <col min="24" max="24" width="7.125" style="153" customWidth="1"/>
    <col min="25" max="25" width="8.75" style="153" customWidth="1"/>
    <col min="26" max="26" width="7.125" style="153" customWidth="1"/>
    <col min="27" max="27" width="8.75" style="153" customWidth="1"/>
    <col min="28" max="28" width="7.125" style="153" customWidth="1"/>
    <col min="29" max="29" width="8.75" style="153" customWidth="1"/>
    <col min="30" max="30" width="7.125" style="153" customWidth="1"/>
    <col min="31" max="31" width="8.75" style="153" customWidth="1"/>
    <col min="32" max="32" width="7.125" style="153" customWidth="1"/>
    <col min="33" max="33" width="11" style="153" bestFit="1" customWidth="1"/>
    <col min="34" max="16384" width="9" style="153"/>
  </cols>
  <sheetData>
    <row r="1" spans="1:36" ht="21" customHeight="1" thickBot="1">
      <c r="A1" s="460" t="s">
        <v>623</v>
      </c>
      <c r="B1" s="303"/>
      <c r="C1" s="303"/>
      <c r="D1" s="303"/>
      <c r="E1" s="303"/>
      <c r="S1" s="303"/>
      <c r="U1" s="303"/>
      <c r="V1" s="303"/>
      <c r="W1" s="303"/>
      <c r="AC1" s="304"/>
      <c r="AD1" s="304"/>
      <c r="AF1" s="546" t="s">
        <v>623</v>
      </c>
    </row>
    <row r="2" spans="1:36" s="319" customFormat="1" ht="22.5" customHeight="1" thickTop="1">
      <c r="A2" s="1132" t="s">
        <v>496</v>
      </c>
      <c r="B2" s="522"/>
      <c r="C2" s="305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  <c r="Z2" s="305"/>
      <c r="AA2" s="305"/>
      <c r="AB2" s="305"/>
      <c r="AC2" s="305"/>
      <c r="AD2" s="305"/>
      <c r="AE2" s="305"/>
      <c r="AF2" s="323"/>
    </row>
    <row r="3" spans="1:36" s="547" customFormat="1" ht="22.5" customHeight="1">
      <c r="A3" s="1133"/>
      <c r="B3" s="306"/>
      <c r="C3" s="523"/>
      <c r="D3" s="307" t="s">
        <v>497</v>
      </c>
      <c r="E3" s="308"/>
      <c r="F3" s="524"/>
      <c r="G3" s="525"/>
      <c r="H3" s="309"/>
      <c r="I3" s="309"/>
      <c r="J3" s="309"/>
      <c r="K3" s="309"/>
      <c r="L3" s="309"/>
      <c r="M3" s="309"/>
      <c r="N3" s="309"/>
      <c r="O3" s="309"/>
      <c r="P3" s="309"/>
      <c r="Q3" s="309"/>
      <c r="R3" s="524"/>
      <c r="S3" s="525"/>
      <c r="T3" s="309"/>
      <c r="U3" s="309"/>
      <c r="V3" s="309"/>
      <c r="W3" s="309"/>
      <c r="X3" s="309"/>
      <c r="Y3" s="309"/>
      <c r="Z3" s="309"/>
      <c r="AA3" s="309"/>
      <c r="AB3" s="309"/>
      <c r="AC3" s="309"/>
      <c r="AD3" s="309"/>
      <c r="AE3" s="309"/>
      <c r="AF3" s="309"/>
    </row>
    <row r="4" spans="1:36" s="547" customFormat="1" ht="22.5" customHeight="1">
      <c r="A4" s="1133"/>
      <c r="B4" s="548" t="s">
        <v>252</v>
      </c>
      <c r="C4" s="1134" t="s">
        <v>498</v>
      </c>
      <c r="D4" s="1135"/>
      <c r="E4" s="1136"/>
      <c r="F4" s="1134" t="s">
        <v>408</v>
      </c>
      <c r="G4" s="1135"/>
      <c r="H4" s="1136"/>
      <c r="I4" s="1137" t="s">
        <v>409</v>
      </c>
      <c r="J4" s="1138"/>
      <c r="K4" s="1139"/>
      <c r="L4" s="1137" t="s">
        <v>544</v>
      </c>
      <c r="M4" s="1138"/>
      <c r="N4" s="1138"/>
      <c r="O4" s="1138"/>
      <c r="P4" s="1138"/>
      <c r="Q4" s="1139"/>
      <c r="R4" s="1134" t="s">
        <v>411</v>
      </c>
      <c r="S4" s="1135"/>
      <c r="T4" s="1136"/>
      <c r="U4" s="1137" t="s">
        <v>412</v>
      </c>
      <c r="V4" s="1138"/>
      <c r="W4" s="1138"/>
      <c r="X4" s="1138"/>
      <c r="Y4" s="1138"/>
      <c r="Z4" s="1139"/>
      <c r="AA4" s="1137" t="s">
        <v>413</v>
      </c>
      <c r="AB4" s="1138"/>
      <c r="AC4" s="1138"/>
      <c r="AD4" s="1138"/>
      <c r="AE4" s="1138"/>
      <c r="AF4" s="1138"/>
    </row>
    <row r="5" spans="1:36" s="549" customFormat="1" ht="22.5" customHeight="1">
      <c r="A5" s="1133"/>
      <c r="B5" s="320"/>
      <c r="C5" s="1140" t="s">
        <v>500</v>
      </c>
      <c r="D5" s="1141"/>
      <c r="E5" s="1142"/>
      <c r="F5" s="1140" t="s">
        <v>624</v>
      </c>
      <c r="G5" s="1141"/>
      <c r="H5" s="1142"/>
      <c r="I5" s="1140" t="s">
        <v>502</v>
      </c>
      <c r="J5" s="1141"/>
      <c r="K5" s="1142"/>
      <c r="L5" s="1140" t="s">
        <v>625</v>
      </c>
      <c r="M5" s="1141"/>
      <c r="N5" s="1141"/>
      <c r="O5" s="1141"/>
      <c r="P5" s="1141"/>
      <c r="Q5" s="1142"/>
      <c r="R5" s="1140" t="s">
        <v>626</v>
      </c>
      <c r="S5" s="1141"/>
      <c r="T5" s="1142"/>
      <c r="U5" s="1140" t="s">
        <v>627</v>
      </c>
      <c r="V5" s="1141"/>
      <c r="W5" s="1141"/>
      <c r="X5" s="1141"/>
      <c r="Y5" s="1141"/>
      <c r="Z5" s="1142"/>
      <c r="AA5" s="1140" t="s">
        <v>628</v>
      </c>
      <c r="AB5" s="1141"/>
      <c r="AC5" s="1141"/>
      <c r="AD5" s="1141"/>
      <c r="AE5" s="1141"/>
      <c r="AF5" s="1141"/>
      <c r="AJ5" s="550"/>
    </row>
    <row r="6" spans="1:36" s="474" customFormat="1" ht="22.5" customHeight="1">
      <c r="A6" s="1102"/>
      <c r="B6" s="528"/>
      <c r="C6" s="531" t="s">
        <v>507</v>
      </c>
      <c r="D6" s="530" t="s">
        <v>508</v>
      </c>
      <c r="E6" s="531" t="s">
        <v>509</v>
      </c>
      <c r="F6" s="532" t="s">
        <v>507</v>
      </c>
      <c r="G6" s="530" t="s">
        <v>508</v>
      </c>
      <c r="H6" s="531" t="s">
        <v>509</v>
      </c>
      <c r="I6" s="532" t="s">
        <v>548</v>
      </c>
      <c r="J6" s="530" t="s">
        <v>508</v>
      </c>
      <c r="K6" s="530" t="s">
        <v>509</v>
      </c>
      <c r="L6" s="533" t="s">
        <v>510</v>
      </c>
      <c r="M6" s="310" t="s">
        <v>512</v>
      </c>
      <c r="N6" s="533" t="s">
        <v>513</v>
      </c>
      <c r="O6" s="310" t="s">
        <v>512</v>
      </c>
      <c r="P6" s="929" t="s">
        <v>509</v>
      </c>
      <c r="Q6" s="310" t="s">
        <v>512</v>
      </c>
      <c r="R6" s="531" t="s">
        <v>507</v>
      </c>
      <c r="S6" s="530" t="s">
        <v>508</v>
      </c>
      <c r="T6" s="531" t="s">
        <v>509</v>
      </c>
      <c r="U6" s="532" t="s">
        <v>507</v>
      </c>
      <c r="V6" s="310" t="s">
        <v>512</v>
      </c>
      <c r="W6" s="533" t="s">
        <v>508</v>
      </c>
      <c r="X6" s="310" t="s">
        <v>512</v>
      </c>
      <c r="Y6" s="533" t="s">
        <v>509</v>
      </c>
      <c r="Z6" s="310" t="s">
        <v>512</v>
      </c>
      <c r="AA6" s="533" t="s">
        <v>507</v>
      </c>
      <c r="AB6" s="310" t="s">
        <v>512</v>
      </c>
      <c r="AC6" s="533" t="s">
        <v>508</v>
      </c>
      <c r="AD6" s="310" t="s">
        <v>512</v>
      </c>
      <c r="AE6" s="533" t="s">
        <v>509</v>
      </c>
      <c r="AF6" s="311" t="s">
        <v>512</v>
      </c>
      <c r="AG6" s="150"/>
    </row>
    <row r="7" spans="1:36" s="79" customFormat="1" ht="22.5" customHeight="1">
      <c r="A7" s="539" t="s">
        <v>189</v>
      </c>
      <c r="B7" s="246"/>
      <c r="C7" s="87" t="s">
        <v>189</v>
      </c>
      <c r="D7" s="106" t="s">
        <v>189</v>
      </c>
      <c r="E7" s="87" t="s">
        <v>189</v>
      </c>
      <c r="F7" s="107" t="s">
        <v>189</v>
      </c>
      <c r="G7" s="106" t="s">
        <v>189</v>
      </c>
      <c r="H7" s="87" t="s">
        <v>189</v>
      </c>
      <c r="I7" s="107" t="s">
        <v>189</v>
      </c>
      <c r="J7" s="106" t="s">
        <v>189</v>
      </c>
      <c r="K7" s="106" t="s">
        <v>189</v>
      </c>
      <c r="L7" s="537" t="s">
        <v>189</v>
      </c>
      <c r="M7" s="87" t="s">
        <v>517</v>
      </c>
      <c r="N7" s="537" t="s">
        <v>189</v>
      </c>
      <c r="O7" s="1009" t="s">
        <v>517</v>
      </c>
      <c r="P7" s="770" t="s">
        <v>189</v>
      </c>
      <c r="Q7" s="87" t="s">
        <v>516</v>
      </c>
      <c r="R7" s="536" t="s">
        <v>189</v>
      </c>
      <c r="S7" s="106" t="s">
        <v>189</v>
      </c>
      <c r="T7" s="87" t="s">
        <v>189</v>
      </c>
      <c r="U7" s="537" t="s">
        <v>189</v>
      </c>
      <c r="V7" s="87" t="s">
        <v>516</v>
      </c>
      <c r="W7" s="537" t="s">
        <v>189</v>
      </c>
      <c r="X7" s="87" t="s">
        <v>517</v>
      </c>
      <c r="Y7" s="537" t="s">
        <v>189</v>
      </c>
      <c r="Z7" s="87" t="s">
        <v>517</v>
      </c>
      <c r="AA7" s="537" t="s">
        <v>189</v>
      </c>
      <c r="AB7" s="87" t="s">
        <v>517</v>
      </c>
      <c r="AC7" s="537" t="s">
        <v>189</v>
      </c>
      <c r="AD7" s="87" t="s">
        <v>517</v>
      </c>
      <c r="AE7" s="537" t="s">
        <v>189</v>
      </c>
      <c r="AF7" s="87" t="s">
        <v>517</v>
      </c>
    </row>
    <row r="8" spans="1:36" s="547" customFormat="1" ht="22.5" customHeight="1">
      <c r="A8" s="551">
        <v>334080</v>
      </c>
      <c r="B8" s="312" t="s">
        <v>191</v>
      </c>
      <c r="C8" s="923">
        <v>-2039</v>
      </c>
      <c r="D8" s="924">
        <v>-1118</v>
      </c>
      <c r="E8" s="923">
        <v>-921</v>
      </c>
      <c r="F8" s="925">
        <v>-2599</v>
      </c>
      <c r="G8" s="924">
        <v>-1363</v>
      </c>
      <c r="H8" s="923">
        <v>-1236</v>
      </c>
      <c r="I8" s="925">
        <v>1730</v>
      </c>
      <c r="J8" s="924">
        <v>918</v>
      </c>
      <c r="K8" s="924">
        <v>812</v>
      </c>
      <c r="L8" s="925">
        <v>4329</v>
      </c>
      <c r="M8" s="313" t="s">
        <v>629</v>
      </c>
      <c r="N8" s="925">
        <v>2281</v>
      </c>
      <c r="O8" s="1010" t="s">
        <v>519</v>
      </c>
      <c r="P8" s="923">
        <v>2048</v>
      </c>
      <c r="Q8" s="313" t="s">
        <v>519</v>
      </c>
      <c r="R8" s="924">
        <v>560</v>
      </c>
      <c r="S8" s="924">
        <v>245</v>
      </c>
      <c r="T8" s="923">
        <v>315</v>
      </c>
      <c r="U8" s="925">
        <v>12862</v>
      </c>
      <c r="V8" s="313" t="s">
        <v>519</v>
      </c>
      <c r="W8" s="925">
        <v>6554</v>
      </c>
      <c r="X8" s="313" t="s">
        <v>519</v>
      </c>
      <c r="Y8" s="925">
        <v>6308</v>
      </c>
      <c r="Z8" s="313" t="s">
        <v>519</v>
      </c>
      <c r="AA8" s="925">
        <v>12302</v>
      </c>
      <c r="AB8" s="313" t="s">
        <v>519</v>
      </c>
      <c r="AC8" s="925">
        <v>6309</v>
      </c>
      <c r="AD8" s="313" t="s">
        <v>519</v>
      </c>
      <c r="AE8" s="925">
        <v>5993</v>
      </c>
      <c r="AF8" s="313" t="s">
        <v>519</v>
      </c>
      <c r="AG8" s="552"/>
    </row>
    <row r="9" spans="1:36" s="319" customFormat="1" ht="15.75" customHeight="1">
      <c r="A9" s="324"/>
      <c r="B9" s="315"/>
      <c r="C9" s="926"/>
      <c r="D9" s="898"/>
      <c r="E9" s="926"/>
      <c r="F9" s="897"/>
      <c r="G9" s="898"/>
      <c r="H9" s="926"/>
      <c r="I9" s="897"/>
      <c r="J9" s="898"/>
      <c r="K9" s="898"/>
      <c r="L9" s="897"/>
      <c r="M9" s="316"/>
      <c r="N9" s="897"/>
      <c r="O9" s="317"/>
      <c r="P9" s="926"/>
      <c r="Q9" s="318"/>
      <c r="R9" s="926"/>
      <c r="S9" s="898"/>
      <c r="T9" s="926"/>
      <c r="U9" s="897"/>
      <c r="V9" s="316"/>
      <c r="W9" s="897"/>
      <c r="X9" s="317"/>
      <c r="Y9" s="897"/>
      <c r="Z9" s="317"/>
      <c r="AA9" s="897"/>
      <c r="AB9" s="316"/>
      <c r="AC9" s="897"/>
      <c r="AD9" s="317"/>
      <c r="AE9" s="897"/>
      <c r="AF9" s="316"/>
    </row>
    <row r="10" spans="1:36" s="319" customFormat="1" ht="22.5" customHeight="1">
      <c r="A10" s="341">
        <v>9431</v>
      </c>
      <c r="B10" s="342" t="s">
        <v>577</v>
      </c>
      <c r="C10" s="945">
        <v>1885</v>
      </c>
      <c r="D10" s="946">
        <v>982</v>
      </c>
      <c r="E10" s="945">
        <v>903</v>
      </c>
      <c r="F10" s="930">
        <v>1727</v>
      </c>
      <c r="G10" s="946">
        <v>916</v>
      </c>
      <c r="H10" s="945">
        <v>811</v>
      </c>
      <c r="I10" s="947">
        <v>1730</v>
      </c>
      <c r="J10" s="930">
        <v>918</v>
      </c>
      <c r="K10" s="946">
        <v>812</v>
      </c>
      <c r="L10" s="936">
        <v>3</v>
      </c>
      <c r="M10" s="931">
        <v>0.1</v>
      </c>
      <c r="N10" s="936">
        <v>2</v>
      </c>
      <c r="O10" s="932">
        <v>0.1</v>
      </c>
      <c r="P10" s="952">
        <v>1</v>
      </c>
      <c r="Q10" s="932">
        <v>0</v>
      </c>
      <c r="R10" s="945">
        <v>158</v>
      </c>
      <c r="S10" s="946">
        <v>66</v>
      </c>
      <c r="T10" s="945">
        <v>92</v>
      </c>
      <c r="U10" s="930">
        <v>658</v>
      </c>
      <c r="V10" s="931">
        <v>5.0999999999999996</v>
      </c>
      <c r="W10" s="936">
        <v>318</v>
      </c>
      <c r="X10" s="932">
        <v>4.9000000000000004</v>
      </c>
      <c r="Y10" s="936">
        <v>340</v>
      </c>
      <c r="Z10" s="932">
        <v>5.4</v>
      </c>
      <c r="AA10" s="930">
        <v>500</v>
      </c>
      <c r="AB10" s="931">
        <v>4.0999999999999996</v>
      </c>
      <c r="AC10" s="936">
        <v>252</v>
      </c>
      <c r="AD10" s="932">
        <v>4</v>
      </c>
      <c r="AE10" s="930">
        <v>248</v>
      </c>
      <c r="AF10" s="931">
        <v>4.0999999999999996</v>
      </c>
    </row>
    <row r="11" spans="1:36" s="319" customFormat="1" ht="22.5" customHeight="1">
      <c r="A11" s="341">
        <v>11644</v>
      </c>
      <c r="B11" s="343" t="s">
        <v>597</v>
      </c>
      <c r="C11" s="945">
        <v>65</v>
      </c>
      <c r="D11" s="946">
        <v>46</v>
      </c>
      <c r="E11" s="945">
        <v>19</v>
      </c>
      <c r="F11" s="930">
        <v>-1</v>
      </c>
      <c r="G11" s="946">
        <v>-1</v>
      </c>
      <c r="H11" s="945">
        <v>0</v>
      </c>
      <c r="I11" s="948" t="s">
        <v>70</v>
      </c>
      <c r="J11" s="949" t="s">
        <v>598</v>
      </c>
      <c r="K11" s="949" t="s">
        <v>70</v>
      </c>
      <c r="L11" s="930">
        <v>1</v>
      </c>
      <c r="M11" s="931">
        <v>0</v>
      </c>
      <c r="N11" s="930">
        <v>1</v>
      </c>
      <c r="O11" s="932">
        <v>0</v>
      </c>
      <c r="P11" s="945">
        <v>0</v>
      </c>
      <c r="Q11" s="932">
        <v>0</v>
      </c>
      <c r="R11" s="945">
        <v>66</v>
      </c>
      <c r="S11" s="946">
        <v>47</v>
      </c>
      <c r="T11" s="945">
        <v>19</v>
      </c>
      <c r="U11" s="930">
        <v>353</v>
      </c>
      <c r="V11" s="931">
        <v>2.7</v>
      </c>
      <c r="W11" s="930">
        <v>182</v>
      </c>
      <c r="X11" s="932">
        <v>2.8</v>
      </c>
      <c r="Y11" s="930">
        <v>171</v>
      </c>
      <c r="Z11" s="932">
        <v>2.7</v>
      </c>
      <c r="AA11" s="930">
        <v>287</v>
      </c>
      <c r="AB11" s="931">
        <v>2.2999999999999998</v>
      </c>
      <c r="AC11" s="930">
        <v>135</v>
      </c>
      <c r="AD11" s="932">
        <v>2.1</v>
      </c>
      <c r="AE11" s="930">
        <v>152</v>
      </c>
      <c r="AF11" s="931">
        <v>2.5</v>
      </c>
    </row>
    <row r="12" spans="1:36" s="319" customFormat="1" ht="22.5" customHeight="1">
      <c r="A12" s="341">
        <v>13295</v>
      </c>
      <c r="B12" s="343" t="s">
        <v>599</v>
      </c>
      <c r="C12" s="945">
        <v>2</v>
      </c>
      <c r="D12" s="946">
        <v>-5</v>
      </c>
      <c r="E12" s="945">
        <v>7</v>
      </c>
      <c r="F12" s="930">
        <v>-1</v>
      </c>
      <c r="G12" s="946">
        <v>-1</v>
      </c>
      <c r="H12" s="945">
        <v>0</v>
      </c>
      <c r="I12" s="948" t="s">
        <v>598</v>
      </c>
      <c r="J12" s="949" t="s">
        <v>70</v>
      </c>
      <c r="K12" s="949" t="s">
        <v>70</v>
      </c>
      <c r="L12" s="930">
        <v>1</v>
      </c>
      <c r="M12" s="931">
        <v>0</v>
      </c>
      <c r="N12" s="930">
        <v>1</v>
      </c>
      <c r="O12" s="932">
        <v>0</v>
      </c>
      <c r="P12" s="945">
        <v>0</v>
      </c>
      <c r="Q12" s="932">
        <v>0</v>
      </c>
      <c r="R12" s="945">
        <v>3</v>
      </c>
      <c r="S12" s="946">
        <v>-4</v>
      </c>
      <c r="T12" s="945">
        <v>7</v>
      </c>
      <c r="U12" s="930">
        <v>185</v>
      </c>
      <c r="V12" s="931">
        <v>1.4</v>
      </c>
      <c r="W12" s="930">
        <v>97</v>
      </c>
      <c r="X12" s="932">
        <v>1.5</v>
      </c>
      <c r="Y12" s="930">
        <v>88</v>
      </c>
      <c r="Z12" s="932">
        <v>1.4</v>
      </c>
      <c r="AA12" s="930">
        <v>182</v>
      </c>
      <c r="AB12" s="931">
        <v>1.5</v>
      </c>
      <c r="AC12" s="930">
        <v>101</v>
      </c>
      <c r="AD12" s="932">
        <v>1.6</v>
      </c>
      <c r="AE12" s="930">
        <v>81</v>
      </c>
      <c r="AF12" s="931">
        <v>1.4</v>
      </c>
    </row>
    <row r="13" spans="1:36" s="319" customFormat="1" ht="22.5" customHeight="1">
      <c r="A13" s="341">
        <v>14501</v>
      </c>
      <c r="B13" s="343" t="s">
        <v>600</v>
      </c>
      <c r="C13" s="945">
        <v>-52</v>
      </c>
      <c r="D13" s="946">
        <v>-62</v>
      </c>
      <c r="E13" s="945">
        <v>10</v>
      </c>
      <c r="F13" s="930">
        <v>-3</v>
      </c>
      <c r="G13" s="946">
        <v>-1</v>
      </c>
      <c r="H13" s="945">
        <v>-2</v>
      </c>
      <c r="I13" s="948" t="s">
        <v>70</v>
      </c>
      <c r="J13" s="949" t="s">
        <v>70</v>
      </c>
      <c r="K13" s="949" t="s">
        <v>70</v>
      </c>
      <c r="L13" s="930">
        <v>3</v>
      </c>
      <c r="M13" s="931">
        <v>0.1</v>
      </c>
      <c r="N13" s="930">
        <v>1</v>
      </c>
      <c r="O13" s="932">
        <v>0</v>
      </c>
      <c r="P13" s="945">
        <v>2</v>
      </c>
      <c r="Q13" s="932">
        <v>0.1</v>
      </c>
      <c r="R13" s="945">
        <v>-49</v>
      </c>
      <c r="S13" s="946">
        <v>-61</v>
      </c>
      <c r="T13" s="945">
        <v>12</v>
      </c>
      <c r="U13" s="930">
        <v>402</v>
      </c>
      <c r="V13" s="931">
        <v>3.1</v>
      </c>
      <c r="W13" s="930">
        <v>169</v>
      </c>
      <c r="X13" s="932">
        <v>2.6</v>
      </c>
      <c r="Y13" s="930">
        <v>233</v>
      </c>
      <c r="Z13" s="932">
        <v>3.7</v>
      </c>
      <c r="AA13" s="930">
        <v>451</v>
      </c>
      <c r="AB13" s="931">
        <v>3.7</v>
      </c>
      <c r="AC13" s="930">
        <v>230</v>
      </c>
      <c r="AD13" s="932">
        <v>3.6</v>
      </c>
      <c r="AE13" s="930">
        <v>221</v>
      </c>
      <c r="AF13" s="931">
        <v>3.7</v>
      </c>
    </row>
    <row r="14" spans="1:36" s="319" customFormat="1" ht="22.5" customHeight="1">
      <c r="A14" s="324">
        <v>15071</v>
      </c>
      <c r="B14" s="344" t="s">
        <v>601</v>
      </c>
      <c r="C14" s="943">
        <v>-332</v>
      </c>
      <c r="D14" s="944">
        <v>-207</v>
      </c>
      <c r="E14" s="943">
        <v>-125</v>
      </c>
      <c r="F14" s="934">
        <v>-2</v>
      </c>
      <c r="G14" s="944">
        <v>-2</v>
      </c>
      <c r="H14" s="943">
        <v>0</v>
      </c>
      <c r="I14" s="950" t="s">
        <v>70</v>
      </c>
      <c r="J14" s="951" t="s">
        <v>70</v>
      </c>
      <c r="K14" s="951" t="s">
        <v>70</v>
      </c>
      <c r="L14" s="930">
        <v>2</v>
      </c>
      <c r="M14" s="933">
        <v>0</v>
      </c>
      <c r="N14" s="934">
        <v>2</v>
      </c>
      <c r="O14" s="935">
        <v>0.1</v>
      </c>
      <c r="P14" s="943">
        <v>0</v>
      </c>
      <c r="Q14" s="935">
        <v>0</v>
      </c>
      <c r="R14" s="963">
        <v>-330</v>
      </c>
      <c r="S14" s="944">
        <v>-205</v>
      </c>
      <c r="T14" s="943">
        <v>-125</v>
      </c>
      <c r="U14" s="930">
        <v>2064</v>
      </c>
      <c r="V14" s="933">
        <v>16</v>
      </c>
      <c r="W14" s="934">
        <v>943</v>
      </c>
      <c r="X14" s="935">
        <v>14.4</v>
      </c>
      <c r="Y14" s="934">
        <v>1121</v>
      </c>
      <c r="Z14" s="935">
        <v>17.8</v>
      </c>
      <c r="AA14" s="934">
        <v>2394</v>
      </c>
      <c r="AB14" s="933">
        <v>19.5</v>
      </c>
      <c r="AC14" s="934">
        <v>1148</v>
      </c>
      <c r="AD14" s="935">
        <v>18.2</v>
      </c>
      <c r="AE14" s="934">
        <v>1246</v>
      </c>
      <c r="AF14" s="933">
        <v>20.8</v>
      </c>
    </row>
    <row r="15" spans="1:36" s="319" customFormat="1" ht="22.5" customHeight="1">
      <c r="A15" s="341">
        <v>13656</v>
      </c>
      <c r="B15" s="343" t="s">
        <v>602</v>
      </c>
      <c r="C15" s="945">
        <v>-231</v>
      </c>
      <c r="D15" s="946">
        <v>-97</v>
      </c>
      <c r="E15" s="945">
        <v>-134</v>
      </c>
      <c r="F15" s="930">
        <v>-6</v>
      </c>
      <c r="G15" s="946">
        <v>-5</v>
      </c>
      <c r="H15" s="945">
        <v>-1</v>
      </c>
      <c r="I15" s="948" t="s">
        <v>70</v>
      </c>
      <c r="J15" s="949" t="s">
        <v>70</v>
      </c>
      <c r="K15" s="949" t="s">
        <v>70</v>
      </c>
      <c r="L15" s="936">
        <v>6</v>
      </c>
      <c r="M15" s="931">
        <v>0.1</v>
      </c>
      <c r="N15" s="930">
        <v>5</v>
      </c>
      <c r="O15" s="932">
        <v>0.2</v>
      </c>
      <c r="P15" s="945">
        <v>1</v>
      </c>
      <c r="Q15" s="932">
        <v>0</v>
      </c>
      <c r="R15" s="945">
        <v>-225</v>
      </c>
      <c r="S15" s="946">
        <v>-92</v>
      </c>
      <c r="T15" s="945">
        <v>-133</v>
      </c>
      <c r="U15" s="936">
        <v>2266</v>
      </c>
      <c r="V15" s="931">
        <v>17.600000000000001</v>
      </c>
      <c r="W15" s="930">
        <v>1174</v>
      </c>
      <c r="X15" s="932">
        <v>17.899999999999999</v>
      </c>
      <c r="Y15" s="930">
        <v>1092</v>
      </c>
      <c r="Z15" s="932">
        <v>17.3</v>
      </c>
      <c r="AA15" s="930">
        <v>2491</v>
      </c>
      <c r="AB15" s="931">
        <v>20.2</v>
      </c>
      <c r="AC15" s="930">
        <v>1266</v>
      </c>
      <c r="AD15" s="932">
        <v>20.100000000000001</v>
      </c>
      <c r="AE15" s="930">
        <v>1225</v>
      </c>
      <c r="AF15" s="931">
        <v>20.399999999999999</v>
      </c>
    </row>
    <row r="16" spans="1:36" s="319" customFormat="1" ht="22.5" customHeight="1">
      <c r="A16" s="341">
        <v>14060</v>
      </c>
      <c r="B16" s="343" t="s">
        <v>603</v>
      </c>
      <c r="C16" s="945">
        <v>10</v>
      </c>
      <c r="D16" s="946">
        <v>10</v>
      </c>
      <c r="E16" s="945">
        <v>0</v>
      </c>
      <c r="F16" s="930">
        <v>-11</v>
      </c>
      <c r="G16" s="946">
        <v>-6</v>
      </c>
      <c r="H16" s="945">
        <v>-5</v>
      </c>
      <c r="I16" s="948" t="s">
        <v>70</v>
      </c>
      <c r="J16" s="949" t="s">
        <v>70</v>
      </c>
      <c r="K16" s="949" t="s">
        <v>70</v>
      </c>
      <c r="L16" s="930">
        <v>11</v>
      </c>
      <c r="M16" s="931">
        <v>0.3</v>
      </c>
      <c r="N16" s="930">
        <v>6</v>
      </c>
      <c r="O16" s="932">
        <v>0.3</v>
      </c>
      <c r="P16" s="945">
        <v>5</v>
      </c>
      <c r="Q16" s="932">
        <v>0.2</v>
      </c>
      <c r="R16" s="945">
        <v>21</v>
      </c>
      <c r="S16" s="946">
        <v>16</v>
      </c>
      <c r="T16" s="945">
        <v>5</v>
      </c>
      <c r="U16" s="930">
        <v>1553</v>
      </c>
      <c r="V16" s="931">
        <v>12.1</v>
      </c>
      <c r="W16" s="930">
        <v>838</v>
      </c>
      <c r="X16" s="932">
        <v>12.8</v>
      </c>
      <c r="Y16" s="930">
        <v>715</v>
      </c>
      <c r="Z16" s="932">
        <v>11.3</v>
      </c>
      <c r="AA16" s="930">
        <v>1532</v>
      </c>
      <c r="AB16" s="931">
        <v>12.5</v>
      </c>
      <c r="AC16" s="930">
        <v>822</v>
      </c>
      <c r="AD16" s="932">
        <v>13</v>
      </c>
      <c r="AE16" s="930">
        <v>710</v>
      </c>
      <c r="AF16" s="931">
        <v>11.8</v>
      </c>
    </row>
    <row r="17" spans="1:32" s="319" customFormat="1" ht="22.5" customHeight="1">
      <c r="A17" s="341">
        <v>16505</v>
      </c>
      <c r="B17" s="343" t="s">
        <v>604</v>
      </c>
      <c r="C17" s="945">
        <v>131</v>
      </c>
      <c r="D17" s="946">
        <v>84</v>
      </c>
      <c r="E17" s="945">
        <v>47</v>
      </c>
      <c r="F17" s="930">
        <v>-12</v>
      </c>
      <c r="G17" s="946">
        <v>-11</v>
      </c>
      <c r="H17" s="945">
        <v>-1</v>
      </c>
      <c r="I17" s="948" t="s">
        <v>70</v>
      </c>
      <c r="J17" s="949" t="s">
        <v>70</v>
      </c>
      <c r="K17" s="949" t="s">
        <v>70</v>
      </c>
      <c r="L17" s="930">
        <v>12</v>
      </c>
      <c r="M17" s="931">
        <v>0.3</v>
      </c>
      <c r="N17" s="930">
        <v>11</v>
      </c>
      <c r="O17" s="932">
        <v>0.5</v>
      </c>
      <c r="P17" s="945">
        <v>1</v>
      </c>
      <c r="Q17" s="932">
        <v>0</v>
      </c>
      <c r="R17" s="945">
        <v>143</v>
      </c>
      <c r="S17" s="946">
        <v>95</v>
      </c>
      <c r="T17" s="945">
        <v>48</v>
      </c>
      <c r="U17" s="930">
        <v>1055</v>
      </c>
      <c r="V17" s="931">
        <v>8.1999999999999993</v>
      </c>
      <c r="W17" s="930">
        <v>596</v>
      </c>
      <c r="X17" s="932">
        <v>9.1</v>
      </c>
      <c r="Y17" s="930">
        <v>459</v>
      </c>
      <c r="Z17" s="932">
        <v>7.3</v>
      </c>
      <c r="AA17" s="930">
        <v>912</v>
      </c>
      <c r="AB17" s="931">
        <v>7.4</v>
      </c>
      <c r="AC17" s="930">
        <v>501</v>
      </c>
      <c r="AD17" s="932">
        <v>7.9</v>
      </c>
      <c r="AE17" s="930">
        <v>411</v>
      </c>
      <c r="AF17" s="931">
        <v>6.9</v>
      </c>
    </row>
    <row r="18" spans="1:32" s="319" customFormat="1" ht="22.5" customHeight="1">
      <c r="A18" s="341">
        <v>19580</v>
      </c>
      <c r="B18" s="343" t="s">
        <v>605</v>
      </c>
      <c r="C18" s="945">
        <v>44</v>
      </c>
      <c r="D18" s="946">
        <v>21</v>
      </c>
      <c r="E18" s="945">
        <v>23</v>
      </c>
      <c r="F18" s="930">
        <v>-20</v>
      </c>
      <c r="G18" s="946">
        <v>-11</v>
      </c>
      <c r="H18" s="945">
        <v>-9</v>
      </c>
      <c r="I18" s="948" t="s">
        <v>70</v>
      </c>
      <c r="J18" s="949" t="s">
        <v>70</v>
      </c>
      <c r="K18" s="949" t="s">
        <v>70</v>
      </c>
      <c r="L18" s="930">
        <v>20</v>
      </c>
      <c r="M18" s="931">
        <v>0.5</v>
      </c>
      <c r="N18" s="930">
        <v>11</v>
      </c>
      <c r="O18" s="932">
        <v>0.5</v>
      </c>
      <c r="P18" s="945">
        <v>9</v>
      </c>
      <c r="Q18" s="932">
        <v>0.4</v>
      </c>
      <c r="R18" s="945">
        <v>64</v>
      </c>
      <c r="S18" s="946">
        <v>32</v>
      </c>
      <c r="T18" s="945">
        <v>32</v>
      </c>
      <c r="U18" s="930">
        <v>755</v>
      </c>
      <c r="V18" s="931">
        <v>5.9</v>
      </c>
      <c r="W18" s="930">
        <v>422</v>
      </c>
      <c r="X18" s="932">
        <v>6.4</v>
      </c>
      <c r="Y18" s="930">
        <v>333</v>
      </c>
      <c r="Z18" s="932">
        <v>5.3</v>
      </c>
      <c r="AA18" s="930">
        <v>691</v>
      </c>
      <c r="AB18" s="931">
        <v>5.6</v>
      </c>
      <c r="AC18" s="930">
        <v>390</v>
      </c>
      <c r="AD18" s="932">
        <v>6.2</v>
      </c>
      <c r="AE18" s="930">
        <v>301</v>
      </c>
      <c r="AF18" s="931">
        <v>5</v>
      </c>
    </row>
    <row r="19" spans="1:32" s="319" customFormat="1" ht="22.5" customHeight="1">
      <c r="A19" s="324">
        <v>24842</v>
      </c>
      <c r="B19" s="344" t="s">
        <v>531</v>
      </c>
      <c r="C19" s="943">
        <v>95</v>
      </c>
      <c r="D19" s="944">
        <v>37</v>
      </c>
      <c r="E19" s="943">
        <v>58</v>
      </c>
      <c r="F19" s="934">
        <v>-36</v>
      </c>
      <c r="G19" s="944">
        <v>-20</v>
      </c>
      <c r="H19" s="943">
        <v>-16</v>
      </c>
      <c r="I19" s="950" t="s">
        <v>70</v>
      </c>
      <c r="J19" s="951" t="s">
        <v>70</v>
      </c>
      <c r="K19" s="951" t="s">
        <v>70</v>
      </c>
      <c r="L19" s="930">
        <v>36</v>
      </c>
      <c r="M19" s="933">
        <v>0.8</v>
      </c>
      <c r="N19" s="934">
        <v>20</v>
      </c>
      <c r="O19" s="935">
        <v>0.9</v>
      </c>
      <c r="P19" s="945">
        <v>16</v>
      </c>
      <c r="Q19" s="935">
        <v>0.8</v>
      </c>
      <c r="R19" s="943">
        <v>131</v>
      </c>
      <c r="S19" s="944">
        <v>57</v>
      </c>
      <c r="T19" s="943">
        <v>74</v>
      </c>
      <c r="U19" s="930">
        <v>739</v>
      </c>
      <c r="V19" s="933">
        <v>5.7</v>
      </c>
      <c r="W19" s="934">
        <v>406</v>
      </c>
      <c r="X19" s="935">
        <v>6.2</v>
      </c>
      <c r="Y19" s="934">
        <v>333</v>
      </c>
      <c r="Z19" s="935">
        <v>5.3</v>
      </c>
      <c r="AA19" s="934">
        <v>608</v>
      </c>
      <c r="AB19" s="933">
        <v>4.9000000000000004</v>
      </c>
      <c r="AC19" s="934">
        <v>349</v>
      </c>
      <c r="AD19" s="935">
        <v>5.5</v>
      </c>
      <c r="AE19" s="934">
        <v>259</v>
      </c>
      <c r="AF19" s="933">
        <v>4.3</v>
      </c>
    </row>
    <row r="20" spans="1:32" s="319" customFormat="1" ht="22.5" customHeight="1">
      <c r="A20" s="341">
        <v>25835</v>
      </c>
      <c r="B20" s="343" t="s">
        <v>606</v>
      </c>
      <c r="C20" s="945">
        <v>70</v>
      </c>
      <c r="D20" s="946">
        <v>26</v>
      </c>
      <c r="E20" s="945">
        <v>44</v>
      </c>
      <c r="F20" s="930">
        <v>-55</v>
      </c>
      <c r="G20" s="946">
        <v>-32</v>
      </c>
      <c r="H20" s="945">
        <v>-23</v>
      </c>
      <c r="I20" s="948" t="s">
        <v>70</v>
      </c>
      <c r="J20" s="949" t="s">
        <v>70</v>
      </c>
      <c r="K20" s="949" t="s">
        <v>70</v>
      </c>
      <c r="L20" s="936">
        <v>55</v>
      </c>
      <c r="M20" s="931">
        <v>1.3</v>
      </c>
      <c r="N20" s="930">
        <v>32</v>
      </c>
      <c r="O20" s="932">
        <v>1.4</v>
      </c>
      <c r="P20" s="952">
        <v>23</v>
      </c>
      <c r="Q20" s="932">
        <v>1.1000000000000001</v>
      </c>
      <c r="R20" s="945">
        <v>125</v>
      </c>
      <c r="S20" s="946">
        <v>58</v>
      </c>
      <c r="T20" s="945">
        <v>67</v>
      </c>
      <c r="U20" s="936">
        <v>647</v>
      </c>
      <c r="V20" s="931">
        <v>5</v>
      </c>
      <c r="W20" s="930">
        <v>340</v>
      </c>
      <c r="X20" s="932">
        <v>5.2</v>
      </c>
      <c r="Y20" s="930">
        <v>307</v>
      </c>
      <c r="Z20" s="932">
        <v>4.9000000000000004</v>
      </c>
      <c r="AA20" s="930">
        <v>522</v>
      </c>
      <c r="AB20" s="931">
        <v>4.2</v>
      </c>
      <c r="AC20" s="936">
        <v>282</v>
      </c>
      <c r="AD20" s="932">
        <v>4.5</v>
      </c>
      <c r="AE20" s="930">
        <v>240</v>
      </c>
      <c r="AF20" s="931">
        <v>4</v>
      </c>
    </row>
    <row r="21" spans="1:32" s="319" customFormat="1" ht="22.5" customHeight="1">
      <c r="A21" s="341">
        <v>22086</v>
      </c>
      <c r="B21" s="343" t="s">
        <v>607</v>
      </c>
      <c r="C21" s="945">
        <v>14</v>
      </c>
      <c r="D21" s="946">
        <v>-21</v>
      </c>
      <c r="E21" s="945">
        <v>35</v>
      </c>
      <c r="F21" s="930">
        <v>-89</v>
      </c>
      <c r="G21" s="946">
        <v>-64</v>
      </c>
      <c r="H21" s="945">
        <v>-25</v>
      </c>
      <c r="I21" s="948" t="s">
        <v>70</v>
      </c>
      <c r="J21" s="949" t="s">
        <v>70</v>
      </c>
      <c r="K21" s="949" t="s">
        <v>70</v>
      </c>
      <c r="L21" s="930">
        <v>89</v>
      </c>
      <c r="M21" s="931">
        <v>2.1</v>
      </c>
      <c r="N21" s="930">
        <v>64</v>
      </c>
      <c r="O21" s="932">
        <v>2.8</v>
      </c>
      <c r="P21" s="945">
        <v>25</v>
      </c>
      <c r="Q21" s="932">
        <v>1.2</v>
      </c>
      <c r="R21" s="945">
        <v>103</v>
      </c>
      <c r="S21" s="946">
        <v>43</v>
      </c>
      <c r="T21" s="945">
        <v>60</v>
      </c>
      <c r="U21" s="930">
        <v>469</v>
      </c>
      <c r="V21" s="931">
        <v>3.6</v>
      </c>
      <c r="W21" s="930">
        <v>264</v>
      </c>
      <c r="X21" s="932">
        <v>4</v>
      </c>
      <c r="Y21" s="930">
        <v>205</v>
      </c>
      <c r="Z21" s="932">
        <v>3.2</v>
      </c>
      <c r="AA21" s="930">
        <v>366</v>
      </c>
      <c r="AB21" s="931">
        <v>3</v>
      </c>
      <c r="AC21" s="930">
        <v>221</v>
      </c>
      <c r="AD21" s="932">
        <v>3.5</v>
      </c>
      <c r="AE21" s="930">
        <v>145</v>
      </c>
      <c r="AF21" s="931">
        <v>2.4</v>
      </c>
    </row>
    <row r="22" spans="1:32" s="319" customFormat="1" ht="22.5" customHeight="1">
      <c r="A22" s="341">
        <v>20541</v>
      </c>
      <c r="B22" s="343" t="s">
        <v>582</v>
      </c>
      <c r="C22" s="945">
        <v>-38</v>
      </c>
      <c r="D22" s="946">
        <v>-29</v>
      </c>
      <c r="E22" s="945">
        <v>-9</v>
      </c>
      <c r="F22" s="930">
        <v>-123</v>
      </c>
      <c r="G22" s="946">
        <v>-81</v>
      </c>
      <c r="H22" s="945">
        <v>-42</v>
      </c>
      <c r="I22" s="948" t="s">
        <v>70</v>
      </c>
      <c r="J22" s="949" t="s">
        <v>70</v>
      </c>
      <c r="K22" s="949" t="s">
        <v>70</v>
      </c>
      <c r="L22" s="930">
        <v>123</v>
      </c>
      <c r="M22" s="931">
        <v>2.8</v>
      </c>
      <c r="N22" s="930">
        <v>81</v>
      </c>
      <c r="O22" s="932">
        <v>3.6</v>
      </c>
      <c r="P22" s="945">
        <v>42</v>
      </c>
      <c r="Q22" s="932">
        <v>2.1</v>
      </c>
      <c r="R22" s="945">
        <v>85</v>
      </c>
      <c r="S22" s="946">
        <v>52</v>
      </c>
      <c r="T22" s="945">
        <v>33</v>
      </c>
      <c r="U22" s="930">
        <v>374</v>
      </c>
      <c r="V22" s="931">
        <v>2.9</v>
      </c>
      <c r="W22" s="930">
        <v>202</v>
      </c>
      <c r="X22" s="932">
        <v>3.1</v>
      </c>
      <c r="Y22" s="930">
        <v>172</v>
      </c>
      <c r="Z22" s="932">
        <v>2.7</v>
      </c>
      <c r="AA22" s="930">
        <v>289</v>
      </c>
      <c r="AB22" s="931">
        <v>2.2999999999999998</v>
      </c>
      <c r="AC22" s="930">
        <v>150</v>
      </c>
      <c r="AD22" s="932">
        <v>2.4</v>
      </c>
      <c r="AE22" s="930">
        <v>139</v>
      </c>
      <c r="AF22" s="931">
        <v>2.2999999999999998</v>
      </c>
    </row>
    <row r="23" spans="1:32" s="319" customFormat="1" ht="22.5" customHeight="1">
      <c r="A23" s="341">
        <v>21885</v>
      </c>
      <c r="B23" s="343" t="s">
        <v>564</v>
      </c>
      <c r="C23" s="945">
        <v>-144</v>
      </c>
      <c r="D23" s="946">
        <v>-110</v>
      </c>
      <c r="E23" s="945">
        <v>-34</v>
      </c>
      <c r="F23" s="930">
        <v>-196</v>
      </c>
      <c r="G23" s="946">
        <v>-145</v>
      </c>
      <c r="H23" s="945">
        <v>-51</v>
      </c>
      <c r="I23" s="948" t="s">
        <v>70</v>
      </c>
      <c r="J23" s="949" t="s">
        <v>70</v>
      </c>
      <c r="K23" s="949" t="s">
        <v>70</v>
      </c>
      <c r="L23" s="930">
        <v>196</v>
      </c>
      <c r="M23" s="931">
        <v>4.5</v>
      </c>
      <c r="N23" s="930">
        <v>145</v>
      </c>
      <c r="O23" s="932">
        <v>6.4</v>
      </c>
      <c r="P23" s="945">
        <v>51</v>
      </c>
      <c r="Q23" s="932">
        <v>2.5</v>
      </c>
      <c r="R23" s="945">
        <v>52</v>
      </c>
      <c r="S23" s="946">
        <v>35</v>
      </c>
      <c r="T23" s="945">
        <v>17</v>
      </c>
      <c r="U23" s="930">
        <v>310</v>
      </c>
      <c r="V23" s="931">
        <v>2.4</v>
      </c>
      <c r="W23" s="930">
        <v>169</v>
      </c>
      <c r="X23" s="932">
        <v>2.6</v>
      </c>
      <c r="Y23" s="930">
        <v>141</v>
      </c>
      <c r="Z23" s="932">
        <v>2.2000000000000002</v>
      </c>
      <c r="AA23" s="930">
        <v>258</v>
      </c>
      <c r="AB23" s="931">
        <v>2.1</v>
      </c>
      <c r="AC23" s="930">
        <v>134</v>
      </c>
      <c r="AD23" s="932">
        <v>2.1</v>
      </c>
      <c r="AE23" s="930">
        <v>124</v>
      </c>
      <c r="AF23" s="931">
        <v>2.1</v>
      </c>
    </row>
    <row r="24" spans="1:32" s="319" customFormat="1" ht="22.5" customHeight="1">
      <c r="A24" s="324">
        <v>28813</v>
      </c>
      <c r="B24" s="343" t="s">
        <v>565</v>
      </c>
      <c r="C24" s="943">
        <v>-312</v>
      </c>
      <c r="D24" s="944">
        <v>-232</v>
      </c>
      <c r="E24" s="943">
        <v>-80</v>
      </c>
      <c r="F24" s="934">
        <v>-409</v>
      </c>
      <c r="G24" s="944">
        <v>-278</v>
      </c>
      <c r="H24" s="943">
        <v>-131</v>
      </c>
      <c r="I24" s="950" t="s">
        <v>70</v>
      </c>
      <c r="J24" s="951" t="s">
        <v>70</v>
      </c>
      <c r="K24" s="951" t="s">
        <v>70</v>
      </c>
      <c r="L24" s="934">
        <v>409</v>
      </c>
      <c r="M24" s="933">
        <v>9.5</v>
      </c>
      <c r="N24" s="934">
        <v>278</v>
      </c>
      <c r="O24" s="935">
        <v>12.2</v>
      </c>
      <c r="P24" s="943">
        <v>131</v>
      </c>
      <c r="Q24" s="935">
        <v>6.4</v>
      </c>
      <c r="R24" s="943">
        <v>97</v>
      </c>
      <c r="S24" s="944">
        <v>46</v>
      </c>
      <c r="T24" s="943">
        <v>51</v>
      </c>
      <c r="U24" s="934">
        <v>356</v>
      </c>
      <c r="V24" s="933">
        <v>2.8</v>
      </c>
      <c r="W24" s="934">
        <v>180</v>
      </c>
      <c r="X24" s="935">
        <v>2.7</v>
      </c>
      <c r="Y24" s="934">
        <v>176</v>
      </c>
      <c r="Z24" s="935">
        <v>2.8</v>
      </c>
      <c r="AA24" s="930">
        <v>259</v>
      </c>
      <c r="AB24" s="933">
        <v>2.1</v>
      </c>
      <c r="AC24" s="934">
        <v>134</v>
      </c>
      <c r="AD24" s="935">
        <v>2.1</v>
      </c>
      <c r="AE24" s="934">
        <v>125</v>
      </c>
      <c r="AF24" s="933">
        <v>2.1</v>
      </c>
    </row>
    <row r="25" spans="1:32" s="319" customFormat="1" ht="22.5" customHeight="1">
      <c r="A25" s="341">
        <v>21440</v>
      </c>
      <c r="B25" s="553" t="s">
        <v>583</v>
      </c>
      <c r="C25" s="945">
        <v>-452</v>
      </c>
      <c r="D25" s="946">
        <v>-276</v>
      </c>
      <c r="E25" s="945">
        <v>-176</v>
      </c>
      <c r="F25" s="930">
        <v>-471</v>
      </c>
      <c r="G25" s="946">
        <v>-299</v>
      </c>
      <c r="H25" s="945">
        <v>-172</v>
      </c>
      <c r="I25" s="948" t="s">
        <v>70</v>
      </c>
      <c r="J25" s="949" t="s">
        <v>70</v>
      </c>
      <c r="K25" s="949" t="s">
        <v>70</v>
      </c>
      <c r="L25" s="936">
        <v>471</v>
      </c>
      <c r="M25" s="931">
        <v>10.9</v>
      </c>
      <c r="N25" s="930">
        <v>299</v>
      </c>
      <c r="O25" s="932">
        <v>13.1</v>
      </c>
      <c r="P25" s="945">
        <v>172</v>
      </c>
      <c r="Q25" s="932">
        <v>8.4</v>
      </c>
      <c r="R25" s="945">
        <v>19</v>
      </c>
      <c r="S25" s="946">
        <v>23</v>
      </c>
      <c r="T25" s="945">
        <v>-4</v>
      </c>
      <c r="U25" s="930">
        <v>223</v>
      </c>
      <c r="V25" s="931">
        <v>1.7</v>
      </c>
      <c r="W25" s="930">
        <v>100</v>
      </c>
      <c r="X25" s="932">
        <v>1.5</v>
      </c>
      <c r="Y25" s="930">
        <v>123</v>
      </c>
      <c r="Z25" s="932">
        <v>1.9</v>
      </c>
      <c r="AA25" s="936">
        <v>204</v>
      </c>
      <c r="AB25" s="931">
        <v>1.7</v>
      </c>
      <c r="AC25" s="930">
        <v>77</v>
      </c>
      <c r="AD25" s="932">
        <v>1.2</v>
      </c>
      <c r="AE25" s="930">
        <v>127</v>
      </c>
      <c r="AF25" s="931">
        <v>2.1</v>
      </c>
    </row>
    <row r="26" spans="1:32" s="319" customFormat="1" ht="22.5" customHeight="1">
      <c r="A26" s="341">
        <v>17398</v>
      </c>
      <c r="B26" s="343" t="s">
        <v>616</v>
      </c>
      <c r="C26" s="945">
        <v>-669</v>
      </c>
      <c r="D26" s="946">
        <v>-401</v>
      </c>
      <c r="E26" s="945">
        <v>-268</v>
      </c>
      <c r="F26" s="930">
        <v>-696</v>
      </c>
      <c r="G26" s="946">
        <v>-407</v>
      </c>
      <c r="H26" s="945">
        <v>-289</v>
      </c>
      <c r="I26" s="948" t="s">
        <v>70</v>
      </c>
      <c r="J26" s="949" t="s">
        <v>70</v>
      </c>
      <c r="K26" s="949" t="s">
        <v>70</v>
      </c>
      <c r="L26" s="930">
        <v>696</v>
      </c>
      <c r="M26" s="931">
        <v>16.100000000000001</v>
      </c>
      <c r="N26" s="930">
        <v>407</v>
      </c>
      <c r="O26" s="932">
        <v>17.899999999999999</v>
      </c>
      <c r="P26" s="945">
        <v>289</v>
      </c>
      <c r="Q26" s="932">
        <v>14.1</v>
      </c>
      <c r="R26" s="945">
        <v>27</v>
      </c>
      <c r="S26" s="946">
        <v>6</v>
      </c>
      <c r="T26" s="945">
        <v>21</v>
      </c>
      <c r="U26" s="930">
        <v>182</v>
      </c>
      <c r="V26" s="931">
        <v>1.4</v>
      </c>
      <c r="W26" s="930">
        <v>70</v>
      </c>
      <c r="X26" s="932">
        <v>1.1000000000000001</v>
      </c>
      <c r="Y26" s="930">
        <v>112</v>
      </c>
      <c r="Z26" s="932">
        <v>1.8</v>
      </c>
      <c r="AA26" s="930">
        <v>155</v>
      </c>
      <c r="AB26" s="931">
        <v>1.3</v>
      </c>
      <c r="AC26" s="930">
        <v>64</v>
      </c>
      <c r="AD26" s="932">
        <v>1</v>
      </c>
      <c r="AE26" s="930">
        <v>91</v>
      </c>
      <c r="AF26" s="931">
        <v>1.5</v>
      </c>
    </row>
    <row r="27" spans="1:32" s="319" customFormat="1" ht="22.5" customHeight="1">
      <c r="A27" s="341">
        <v>11390</v>
      </c>
      <c r="B27" s="343" t="s">
        <v>617</v>
      </c>
      <c r="C27" s="945">
        <v>-894</v>
      </c>
      <c r="D27" s="946">
        <v>-457</v>
      </c>
      <c r="E27" s="945">
        <v>-437</v>
      </c>
      <c r="F27" s="930">
        <v>-926</v>
      </c>
      <c r="G27" s="946">
        <v>-476</v>
      </c>
      <c r="H27" s="945">
        <v>-450</v>
      </c>
      <c r="I27" s="948" t="s">
        <v>70</v>
      </c>
      <c r="J27" s="949" t="s">
        <v>70</v>
      </c>
      <c r="K27" s="949" t="s">
        <v>70</v>
      </c>
      <c r="L27" s="930">
        <v>926</v>
      </c>
      <c r="M27" s="931">
        <v>21.4</v>
      </c>
      <c r="N27" s="930">
        <v>476</v>
      </c>
      <c r="O27" s="932">
        <v>20.9</v>
      </c>
      <c r="P27" s="945">
        <v>450</v>
      </c>
      <c r="Q27" s="932">
        <v>22</v>
      </c>
      <c r="R27" s="945">
        <v>32</v>
      </c>
      <c r="S27" s="946">
        <v>19</v>
      </c>
      <c r="T27" s="945">
        <v>13</v>
      </c>
      <c r="U27" s="930">
        <v>156</v>
      </c>
      <c r="V27" s="931">
        <v>1.2</v>
      </c>
      <c r="W27" s="930">
        <v>54</v>
      </c>
      <c r="X27" s="932">
        <v>0.8</v>
      </c>
      <c r="Y27" s="930">
        <v>102</v>
      </c>
      <c r="Z27" s="932">
        <v>1.6</v>
      </c>
      <c r="AA27" s="930">
        <v>124</v>
      </c>
      <c r="AB27" s="931">
        <v>1</v>
      </c>
      <c r="AC27" s="930">
        <v>35</v>
      </c>
      <c r="AD27" s="932">
        <v>0.6</v>
      </c>
      <c r="AE27" s="930">
        <v>89</v>
      </c>
      <c r="AF27" s="931">
        <v>1.5</v>
      </c>
    </row>
    <row r="28" spans="1:32" s="319" customFormat="1" ht="22.5" customHeight="1">
      <c r="A28" s="341">
        <v>5284</v>
      </c>
      <c r="B28" s="343" t="s">
        <v>569</v>
      </c>
      <c r="C28" s="945">
        <v>-729</v>
      </c>
      <c r="D28" s="946">
        <v>-292</v>
      </c>
      <c r="E28" s="945">
        <v>-437</v>
      </c>
      <c r="F28" s="930">
        <v>-751</v>
      </c>
      <c r="G28" s="946">
        <v>-299</v>
      </c>
      <c r="H28" s="945">
        <v>-452</v>
      </c>
      <c r="I28" s="948" t="s">
        <v>70</v>
      </c>
      <c r="J28" s="949" t="s">
        <v>70</v>
      </c>
      <c r="K28" s="949" t="s">
        <v>70</v>
      </c>
      <c r="L28" s="930">
        <v>751</v>
      </c>
      <c r="M28" s="931">
        <v>17.399999999999999</v>
      </c>
      <c r="N28" s="930">
        <v>299</v>
      </c>
      <c r="O28" s="932">
        <v>13.1</v>
      </c>
      <c r="P28" s="945">
        <v>452</v>
      </c>
      <c r="Q28" s="932">
        <v>22.1</v>
      </c>
      <c r="R28" s="945">
        <v>22</v>
      </c>
      <c r="S28" s="946">
        <v>7</v>
      </c>
      <c r="T28" s="945">
        <v>15</v>
      </c>
      <c r="U28" s="930">
        <v>84</v>
      </c>
      <c r="V28" s="931">
        <v>0.7</v>
      </c>
      <c r="W28" s="930">
        <v>21</v>
      </c>
      <c r="X28" s="932">
        <v>0.3</v>
      </c>
      <c r="Y28" s="930">
        <v>63</v>
      </c>
      <c r="Z28" s="932">
        <v>1</v>
      </c>
      <c r="AA28" s="930">
        <v>62</v>
      </c>
      <c r="AB28" s="931">
        <v>0.5</v>
      </c>
      <c r="AC28" s="930">
        <v>14</v>
      </c>
      <c r="AD28" s="932">
        <v>0.2</v>
      </c>
      <c r="AE28" s="930">
        <v>48</v>
      </c>
      <c r="AF28" s="931">
        <v>0.8</v>
      </c>
    </row>
    <row r="29" spans="1:32" s="319" customFormat="1" ht="22.5" customHeight="1">
      <c r="A29" s="324">
        <v>1501</v>
      </c>
      <c r="B29" s="344" t="s">
        <v>585</v>
      </c>
      <c r="C29" s="943">
        <v>-396</v>
      </c>
      <c r="D29" s="944">
        <v>-115</v>
      </c>
      <c r="E29" s="943">
        <v>-281</v>
      </c>
      <c r="F29" s="934">
        <v>-409</v>
      </c>
      <c r="G29" s="944">
        <v>-119</v>
      </c>
      <c r="H29" s="943">
        <v>-290</v>
      </c>
      <c r="I29" s="950" t="s">
        <v>70</v>
      </c>
      <c r="J29" s="951" t="s">
        <v>70</v>
      </c>
      <c r="K29" s="951" t="s">
        <v>70</v>
      </c>
      <c r="L29" s="930">
        <v>409</v>
      </c>
      <c r="M29" s="933">
        <v>9.5</v>
      </c>
      <c r="N29" s="934">
        <v>119</v>
      </c>
      <c r="O29" s="935">
        <v>5.2</v>
      </c>
      <c r="P29" s="943">
        <v>290</v>
      </c>
      <c r="Q29" s="935">
        <v>14.2</v>
      </c>
      <c r="R29" s="943">
        <v>13</v>
      </c>
      <c r="S29" s="944">
        <v>4</v>
      </c>
      <c r="T29" s="943">
        <v>9</v>
      </c>
      <c r="U29" s="930">
        <v>27</v>
      </c>
      <c r="V29" s="933">
        <v>0.2</v>
      </c>
      <c r="W29" s="934">
        <v>8</v>
      </c>
      <c r="X29" s="935">
        <v>0.1</v>
      </c>
      <c r="Y29" s="934">
        <v>19</v>
      </c>
      <c r="Z29" s="935">
        <v>0.3</v>
      </c>
      <c r="AA29" s="934">
        <v>14</v>
      </c>
      <c r="AB29" s="933">
        <v>0.1</v>
      </c>
      <c r="AC29" s="934">
        <v>4</v>
      </c>
      <c r="AD29" s="935">
        <v>0.1</v>
      </c>
      <c r="AE29" s="934">
        <v>10</v>
      </c>
      <c r="AF29" s="933">
        <v>0.2</v>
      </c>
    </row>
    <row r="30" spans="1:32" s="319" customFormat="1" ht="22.5" customHeight="1">
      <c r="A30" s="554">
        <v>259</v>
      </c>
      <c r="B30" s="555" t="s">
        <v>443</v>
      </c>
      <c r="C30" s="953">
        <v>-104</v>
      </c>
      <c r="D30" s="954">
        <v>-19</v>
      </c>
      <c r="E30" s="937">
        <v>-85</v>
      </c>
      <c r="F30" s="937">
        <v>-107</v>
      </c>
      <c r="G30" s="954">
        <v>-20</v>
      </c>
      <c r="H30" s="955">
        <v>-87</v>
      </c>
      <c r="I30" s="956" t="s">
        <v>70</v>
      </c>
      <c r="J30" s="957" t="s">
        <v>70</v>
      </c>
      <c r="K30" s="957" t="s">
        <v>70</v>
      </c>
      <c r="L30" s="937">
        <v>107</v>
      </c>
      <c r="M30" s="938">
        <v>2.5</v>
      </c>
      <c r="N30" s="937">
        <v>20</v>
      </c>
      <c r="O30" s="939">
        <v>0.9</v>
      </c>
      <c r="P30" s="955">
        <v>87</v>
      </c>
      <c r="Q30" s="939">
        <v>4.3</v>
      </c>
      <c r="R30" s="955">
        <v>3</v>
      </c>
      <c r="S30" s="954">
        <v>1</v>
      </c>
      <c r="T30" s="937">
        <v>2</v>
      </c>
      <c r="U30" s="937">
        <v>4</v>
      </c>
      <c r="V30" s="938">
        <v>0</v>
      </c>
      <c r="W30" s="937">
        <v>1</v>
      </c>
      <c r="X30" s="939">
        <v>0</v>
      </c>
      <c r="Y30" s="937">
        <v>3</v>
      </c>
      <c r="Z30" s="939">
        <v>0</v>
      </c>
      <c r="AA30" s="937">
        <v>1</v>
      </c>
      <c r="AB30" s="938">
        <v>0</v>
      </c>
      <c r="AC30" s="937">
        <v>0</v>
      </c>
      <c r="AD30" s="939">
        <v>0</v>
      </c>
      <c r="AE30" s="937">
        <v>1</v>
      </c>
      <c r="AF30" s="938">
        <v>0</v>
      </c>
    </row>
    <row r="31" spans="1:32" s="319" customFormat="1" ht="22.5" customHeight="1">
      <c r="A31" s="341">
        <v>34370</v>
      </c>
      <c r="B31" s="320" t="s">
        <v>444</v>
      </c>
      <c r="C31" s="945">
        <v>1952</v>
      </c>
      <c r="D31" s="946">
        <v>1023</v>
      </c>
      <c r="E31" s="945">
        <v>929</v>
      </c>
      <c r="F31" s="930">
        <v>1725</v>
      </c>
      <c r="G31" s="946">
        <v>914</v>
      </c>
      <c r="H31" s="945">
        <v>811</v>
      </c>
      <c r="I31" s="930">
        <v>1730</v>
      </c>
      <c r="J31" s="946">
        <v>918</v>
      </c>
      <c r="K31" s="946">
        <v>812</v>
      </c>
      <c r="L31" s="930">
        <v>5</v>
      </c>
      <c r="M31" s="931">
        <v>0.1</v>
      </c>
      <c r="N31" s="930">
        <v>4</v>
      </c>
      <c r="O31" s="932">
        <v>0.2</v>
      </c>
      <c r="P31" s="945">
        <v>1</v>
      </c>
      <c r="Q31" s="932">
        <v>0</v>
      </c>
      <c r="R31" s="945">
        <v>227</v>
      </c>
      <c r="S31" s="946">
        <v>109</v>
      </c>
      <c r="T31" s="930">
        <v>118</v>
      </c>
      <c r="U31" s="930">
        <v>1196</v>
      </c>
      <c r="V31" s="931">
        <v>9.3000000000000007</v>
      </c>
      <c r="W31" s="930">
        <v>597</v>
      </c>
      <c r="X31" s="932">
        <v>9.1</v>
      </c>
      <c r="Y31" s="930">
        <v>599</v>
      </c>
      <c r="Z31" s="932">
        <v>9.5</v>
      </c>
      <c r="AA31" s="930">
        <v>969</v>
      </c>
      <c r="AB31" s="931">
        <v>7.9</v>
      </c>
      <c r="AC31" s="930">
        <v>488</v>
      </c>
      <c r="AD31" s="932">
        <v>7.7</v>
      </c>
      <c r="AE31" s="930">
        <v>481</v>
      </c>
      <c r="AF31" s="931">
        <v>8</v>
      </c>
    </row>
    <row r="32" spans="1:32" s="319" customFormat="1" ht="22.5" customHeight="1">
      <c r="A32" s="341">
        <v>186677</v>
      </c>
      <c r="B32" s="320" t="s">
        <v>445</v>
      </c>
      <c r="C32" s="945">
        <v>-289</v>
      </c>
      <c r="D32" s="946">
        <v>-238</v>
      </c>
      <c r="E32" s="945">
        <v>-51</v>
      </c>
      <c r="F32" s="930">
        <v>-357</v>
      </c>
      <c r="G32" s="946">
        <v>-233</v>
      </c>
      <c r="H32" s="945">
        <v>-124</v>
      </c>
      <c r="I32" s="948" t="s">
        <v>70</v>
      </c>
      <c r="J32" s="949" t="s">
        <v>70</v>
      </c>
      <c r="K32" s="949" t="s">
        <v>70</v>
      </c>
      <c r="L32" s="930">
        <v>357</v>
      </c>
      <c r="M32" s="931">
        <v>8.3000000000000007</v>
      </c>
      <c r="N32" s="930">
        <v>233</v>
      </c>
      <c r="O32" s="932">
        <v>10.199999999999999</v>
      </c>
      <c r="P32" s="945">
        <v>124</v>
      </c>
      <c r="Q32" s="932">
        <v>6.1</v>
      </c>
      <c r="R32" s="945">
        <v>68</v>
      </c>
      <c r="S32" s="946">
        <v>-5</v>
      </c>
      <c r="T32" s="945">
        <v>73</v>
      </c>
      <c r="U32" s="930">
        <v>10324</v>
      </c>
      <c r="V32" s="931">
        <v>80.3</v>
      </c>
      <c r="W32" s="930">
        <v>5354</v>
      </c>
      <c r="X32" s="932">
        <v>81.7</v>
      </c>
      <c r="Y32" s="930">
        <v>4970</v>
      </c>
      <c r="Z32" s="932">
        <v>78.8</v>
      </c>
      <c r="AA32" s="930">
        <v>10256</v>
      </c>
      <c r="AB32" s="931">
        <v>83.4</v>
      </c>
      <c r="AC32" s="930">
        <v>5359</v>
      </c>
      <c r="AD32" s="932">
        <v>84.9</v>
      </c>
      <c r="AE32" s="930">
        <v>4897</v>
      </c>
      <c r="AF32" s="931">
        <v>81.7</v>
      </c>
    </row>
    <row r="33" spans="1:32" s="319" customFormat="1" ht="22.5" customHeight="1" thickBot="1">
      <c r="A33" s="556">
        <v>107970</v>
      </c>
      <c r="B33" s="321" t="s">
        <v>588</v>
      </c>
      <c r="C33" s="958">
        <v>-3700</v>
      </c>
      <c r="D33" s="959">
        <v>-1902</v>
      </c>
      <c r="E33" s="958">
        <v>-1798</v>
      </c>
      <c r="F33" s="940">
        <v>-3965</v>
      </c>
      <c r="G33" s="959">
        <v>-2043</v>
      </c>
      <c r="H33" s="958">
        <v>-1922</v>
      </c>
      <c r="I33" s="960" t="s">
        <v>70</v>
      </c>
      <c r="J33" s="961" t="s">
        <v>70</v>
      </c>
      <c r="K33" s="961" t="s">
        <v>70</v>
      </c>
      <c r="L33" s="940">
        <v>3965</v>
      </c>
      <c r="M33" s="941">
        <v>91.6</v>
      </c>
      <c r="N33" s="940">
        <v>2043</v>
      </c>
      <c r="O33" s="942">
        <v>89.6</v>
      </c>
      <c r="P33" s="958">
        <v>1922</v>
      </c>
      <c r="Q33" s="942">
        <v>93.9</v>
      </c>
      <c r="R33" s="958">
        <v>265</v>
      </c>
      <c r="S33" s="959">
        <v>141</v>
      </c>
      <c r="T33" s="958">
        <v>124</v>
      </c>
      <c r="U33" s="940">
        <v>1342</v>
      </c>
      <c r="V33" s="941">
        <v>10.4</v>
      </c>
      <c r="W33" s="940">
        <v>603</v>
      </c>
      <c r="X33" s="942">
        <v>9.1999999999999993</v>
      </c>
      <c r="Y33" s="940">
        <v>739</v>
      </c>
      <c r="Z33" s="942">
        <v>11.7</v>
      </c>
      <c r="AA33" s="940">
        <v>1077</v>
      </c>
      <c r="AB33" s="941">
        <v>8.8000000000000007</v>
      </c>
      <c r="AC33" s="940">
        <v>462</v>
      </c>
      <c r="AD33" s="942">
        <v>7.3</v>
      </c>
      <c r="AE33" s="940">
        <v>615</v>
      </c>
      <c r="AF33" s="941">
        <v>10.3</v>
      </c>
    </row>
    <row r="34" spans="1:32" ht="12" customHeight="1" thickTop="1">
      <c r="A34" s="345"/>
      <c r="B34" s="345"/>
      <c r="C34" s="345"/>
      <c r="D34" s="345"/>
      <c r="E34" s="345"/>
      <c r="F34" s="345"/>
      <c r="G34" s="345"/>
    </row>
    <row r="35" spans="1:32" s="322" customFormat="1" ht="18" customHeight="1">
      <c r="A35" s="962" t="s">
        <v>463</v>
      </c>
      <c r="B35" s="542"/>
      <c r="C35" s="542"/>
      <c r="D35" s="542"/>
      <c r="E35" s="542"/>
      <c r="F35" s="542"/>
      <c r="G35" s="542"/>
      <c r="H35" s="542"/>
      <c r="I35" s="543"/>
    </row>
    <row r="36" spans="1:32" s="322" customFormat="1" ht="18" customHeight="1">
      <c r="A36" s="962" t="s">
        <v>573</v>
      </c>
    </row>
    <row r="37" spans="1:32" s="322" customFormat="1" ht="18" customHeight="1">
      <c r="A37" s="962" t="s">
        <v>590</v>
      </c>
      <c r="B37" s="544"/>
      <c r="C37" s="544"/>
      <c r="D37" s="544"/>
      <c r="E37" s="544"/>
      <c r="F37" s="544"/>
      <c r="G37" s="544"/>
      <c r="H37" s="544"/>
      <c r="I37" s="544"/>
    </row>
    <row r="38" spans="1:32" s="322" customFormat="1" ht="18" customHeight="1">
      <c r="A38" s="962" t="s">
        <v>591</v>
      </c>
    </row>
    <row r="49" spans="1:1">
      <c r="A49" s="557"/>
    </row>
  </sheetData>
  <mergeCells count="15"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  <mergeCell ref="A2:A6"/>
    <mergeCell ref="C4:E4"/>
    <mergeCell ref="F4:H4"/>
    <mergeCell ref="I4:K4"/>
    <mergeCell ref="L4:Q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4" orientation="landscape" blackAndWhite="1" useFirstPageNumber="1" r:id="rId1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2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0.25" customHeight="1" thickBot="1">
      <c r="A1" s="460" t="s">
        <v>630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631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502</v>
      </c>
      <c r="L5" s="1141"/>
      <c r="M5" s="1142"/>
      <c r="N5" s="1141" t="s">
        <v>503</v>
      </c>
      <c r="O5" s="1141"/>
      <c r="P5" s="1141"/>
      <c r="Q5" s="1140" t="s">
        <v>546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548</v>
      </c>
      <c r="L6" s="530" t="s">
        <v>508</v>
      </c>
      <c r="M6" s="530" t="s">
        <v>509</v>
      </c>
      <c r="N6" s="929" t="s">
        <v>548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9231177</v>
      </c>
      <c r="C8" s="334" t="s">
        <v>191</v>
      </c>
      <c r="D8" s="335"/>
      <c r="E8" s="964">
        <v>-5160</v>
      </c>
      <c r="F8" s="965">
        <v>-6996</v>
      </c>
      <c r="G8" s="966">
        <v>1836</v>
      </c>
      <c r="H8" s="964">
        <v>-29983</v>
      </c>
      <c r="I8" s="965">
        <v>-17079</v>
      </c>
      <c r="J8" s="967">
        <v>-12904</v>
      </c>
      <c r="K8" s="964">
        <v>60549</v>
      </c>
      <c r="L8" s="965">
        <v>31060</v>
      </c>
      <c r="M8" s="965">
        <v>29489</v>
      </c>
      <c r="N8" s="966">
        <v>90532</v>
      </c>
      <c r="O8" s="964">
        <v>48139</v>
      </c>
      <c r="P8" s="964">
        <v>42393</v>
      </c>
      <c r="Q8" s="964">
        <v>24823</v>
      </c>
      <c r="R8" s="965">
        <v>10083</v>
      </c>
      <c r="S8" s="967">
        <v>14740</v>
      </c>
      <c r="T8" s="966">
        <v>488358</v>
      </c>
      <c r="U8" s="964">
        <v>259380</v>
      </c>
      <c r="V8" s="964">
        <v>228978</v>
      </c>
      <c r="W8" s="964">
        <v>463535</v>
      </c>
      <c r="X8" s="964">
        <v>249297</v>
      </c>
      <c r="Y8" s="964">
        <v>214238</v>
      </c>
    </row>
    <row r="9" spans="1:25" ht="12.75" customHeight="1">
      <c r="A9" s="336"/>
      <c r="B9" s="324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04"/>
      <c r="T9" s="968"/>
      <c r="U9" s="904"/>
      <c r="V9" s="968"/>
      <c r="W9" s="918"/>
      <c r="X9" s="904"/>
      <c r="Y9" s="968"/>
    </row>
    <row r="10" spans="1:25" ht="20.25" customHeight="1">
      <c r="A10" s="333" t="s">
        <v>632</v>
      </c>
      <c r="B10" s="341">
        <v>682408</v>
      </c>
      <c r="C10" s="342" t="s">
        <v>633</v>
      </c>
      <c r="D10" s="335" t="s">
        <v>634</v>
      </c>
      <c r="E10" s="916">
        <v>60993</v>
      </c>
      <c r="F10" s="916">
        <v>31168</v>
      </c>
      <c r="G10" s="916">
        <v>29825</v>
      </c>
      <c r="H10" s="916">
        <v>60408</v>
      </c>
      <c r="I10" s="916">
        <v>30991</v>
      </c>
      <c r="J10" s="916">
        <v>29417</v>
      </c>
      <c r="K10" s="916">
        <v>60549</v>
      </c>
      <c r="L10" s="903">
        <v>31060</v>
      </c>
      <c r="M10" s="903">
        <v>29489</v>
      </c>
      <c r="N10" s="969">
        <v>141</v>
      </c>
      <c r="O10" s="916">
        <v>69</v>
      </c>
      <c r="P10" s="916">
        <v>72</v>
      </c>
      <c r="Q10" s="916">
        <v>585</v>
      </c>
      <c r="R10" s="916">
        <v>177</v>
      </c>
      <c r="S10" s="916">
        <v>408</v>
      </c>
      <c r="T10" s="916">
        <v>36833</v>
      </c>
      <c r="U10" s="903">
        <v>18773</v>
      </c>
      <c r="V10" s="969">
        <v>18060</v>
      </c>
      <c r="W10" s="916">
        <v>36248</v>
      </c>
      <c r="X10" s="903">
        <v>18596</v>
      </c>
      <c r="Y10" s="969">
        <v>17652</v>
      </c>
    </row>
    <row r="11" spans="1:25" ht="20.25" customHeight="1">
      <c r="A11" s="338"/>
      <c r="B11" s="341">
        <v>782240</v>
      </c>
      <c r="C11" s="343" t="s">
        <v>635</v>
      </c>
      <c r="D11" s="538"/>
      <c r="E11" s="916">
        <v>5326</v>
      </c>
      <c r="F11" s="916">
        <v>2945</v>
      </c>
      <c r="G11" s="916">
        <v>2381</v>
      </c>
      <c r="H11" s="916">
        <v>-122</v>
      </c>
      <c r="I11" s="916">
        <v>-78</v>
      </c>
      <c r="J11" s="916">
        <v>-44</v>
      </c>
      <c r="K11" s="916" t="s">
        <v>70</v>
      </c>
      <c r="L11" s="903" t="s">
        <v>70</v>
      </c>
      <c r="M11" s="903" t="s">
        <v>70</v>
      </c>
      <c r="N11" s="969">
        <v>122</v>
      </c>
      <c r="O11" s="916">
        <v>78</v>
      </c>
      <c r="P11" s="916">
        <v>44</v>
      </c>
      <c r="Q11" s="916">
        <v>5448</v>
      </c>
      <c r="R11" s="916">
        <v>3023</v>
      </c>
      <c r="S11" s="916">
        <v>2425</v>
      </c>
      <c r="T11" s="916">
        <v>24082</v>
      </c>
      <c r="U11" s="903">
        <v>13277</v>
      </c>
      <c r="V11" s="969">
        <v>10805</v>
      </c>
      <c r="W11" s="916">
        <v>18634</v>
      </c>
      <c r="X11" s="903">
        <v>10254</v>
      </c>
      <c r="Y11" s="969">
        <v>8380</v>
      </c>
    </row>
    <row r="12" spans="1:25" ht="20.25" customHeight="1">
      <c r="A12" s="1145" t="s">
        <v>421</v>
      </c>
      <c r="B12" s="341">
        <v>978913</v>
      </c>
      <c r="C12" s="343" t="s">
        <v>636</v>
      </c>
      <c r="D12" s="1147" t="s">
        <v>637</v>
      </c>
      <c r="E12" s="916">
        <v>14364</v>
      </c>
      <c r="F12" s="916">
        <v>6352</v>
      </c>
      <c r="G12" s="916">
        <v>8012</v>
      </c>
      <c r="H12" s="916">
        <v>-292</v>
      </c>
      <c r="I12" s="916">
        <v>-197</v>
      </c>
      <c r="J12" s="916">
        <v>-95</v>
      </c>
      <c r="K12" s="916" t="s">
        <v>70</v>
      </c>
      <c r="L12" s="903" t="s">
        <v>70</v>
      </c>
      <c r="M12" s="903" t="s">
        <v>70</v>
      </c>
      <c r="N12" s="969">
        <v>292</v>
      </c>
      <c r="O12" s="916">
        <v>197</v>
      </c>
      <c r="P12" s="916">
        <v>95</v>
      </c>
      <c r="Q12" s="916">
        <v>14656</v>
      </c>
      <c r="R12" s="916">
        <v>6549</v>
      </c>
      <c r="S12" s="916">
        <v>8107</v>
      </c>
      <c r="T12" s="916">
        <v>186634</v>
      </c>
      <c r="U12" s="903">
        <v>97133</v>
      </c>
      <c r="V12" s="969">
        <v>89501</v>
      </c>
      <c r="W12" s="916">
        <v>171978</v>
      </c>
      <c r="X12" s="903">
        <v>90584</v>
      </c>
      <c r="Y12" s="969">
        <v>81394</v>
      </c>
    </row>
    <row r="13" spans="1:25" ht="20.25" customHeight="1">
      <c r="A13" s="1145"/>
      <c r="B13" s="341">
        <v>1030414</v>
      </c>
      <c r="C13" s="343" t="s">
        <v>638</v>
      </c>
      <c r="D13" s="1147"/>
      <c r="E13" s="916">
        <v>2656</v>
      </c>
      <c r="F13" s="916">
        <v>968</v>
      </c>
      <c r="G13" s="916">
        <v>1688</v>
      </c>
      <c r="H13" s="916">
        <v>-555</v>
      </c>
      <c r="I13" s="916">
        <v>-357</v>
      </c>
      <c r="J13" s="916">
        <v>-198</v>
      </c>
      <c r="K13" s="916" t="s">
        <v>70</v>
      </c>
      <c r="L13" s="903" t="s">
        <v>70</v>
      </c>
      <c r="M13" s="903" t="s">
        <v>70</v>
      </c>
      <c r="N13" s="969">
        <v>555</v>
      </c>
      <c r="O13" s="916">
        <v>357</v>
      </c>
      <c r="P13" s="916">
        <v>198</v>
      </c>
      <c r="Q13" s="916">
        <v>3211</v>
      </c>
      <c r="R13" s="916">
        <v>1325</v>
      </c>
      <c r="S13" s="916">
        <v>1886</v>
      </c>
      <c r="T13" s="916">
        <v>114794</v>
      </c>
      <c r="U13" s="903">
        <v>62709</v>
      </c>
      <c r="V13" s="969">
        <v>52085</v>
      </c>
      <c r="W13" s="916">
        <v>111583</v>
      </c>
      <c r="X13" s="903">
        <v>61384</v>
      </c>
      <c r="Y13" s="969">
        <v>50199</v>
      </c>
    </row>
    <row r="14" spans="1:25" ht="20.25" customHeight="1">
      <c r="A14" s="1145"/>
      <c r="B14" s="324">
        <v>1359787</v>
      </c>
      <c r="C14" s="344" t="s">
        <v>639</v>
      </c>
      <c r="D14" s="1147"/>
      <c r="E14" s="918">
        <v>80</v>
      </c>
      <c r="F14" s="918">
        <v>-520</v>
      </c>
      <c r="G14" s="918">
        <v>600</v>
      </c>
      <c r="H14" s="904">
        <v>-1466</v>
      </c>
      <c r="I14" s="918">
        <v>-921</v>
      </c>
      <c r="J14" s="918">
        <v>-545</v>
      </c>
      <c r="K14" s="904" t="s">
        <v>70</v>
      </c>
      <c r="L14" s="904" t="s">
        <v>70</v>
      </c>
      <c r="M14" s="904" t="s">
        <v>70</v>
      </c>
      <c r="N14" s="968">
        <v>1466</v>
      </c>
      <c r="O14" s="918">
        <v>921</v>
      </c>
      <c r="P14" s="918">
        <v>545</v>
      </c>
      <c r="Q14" s="918">
        <v>1546</v>
      </c>
      <c r="R14" s="918">
        <v>401</v>
      </c>
      <c r="S14" s="918">
        <v>1145</v>
      </c>
      <c r="T14" s="918">
        <v>52576</v>
      </c>
      <c r="U14" s="904">
        <v>30018</v>
      </c>
      <c r="V14" s="968">
        <v>22558</v>
      </c>
      <c r="W14" s="918">
        <v>51030</v>
      </c>
      <c r="X14" s="904">
        <v>29617</v>
      </c>
      <c r="Y14" s="968">
        <v>21413</v>
      </c>
    </row>
    <row r="15" spans="1:25" ht="20.25" customHeight="1">
      <c r="A15" s="1145"/>
      <c r="B15" s="341">
        <v>1362218</v>
      </c>
      <c r="C15" s="343" t="s">
        <v>640</v>
      </c>
      <c r="D15" s="1147"/>
      <c r="E15" s="916">
        <v>-3814</v>
      </c>
      <c r="F15" s="916">
        <v>-2641</v>
      </c>
      <c r="G15" s="916">
        <v>-1173</v>
      </c>
      <c r="H15" s="916">
        <v>-3774</v>
      </c>
      <c r="I15" s="916">
        <v>-2498</v>
      </c>
      <c r="J15" s="916">
        <v>-1276</v>
      </c>
      <c r="K15" s="916" t="s">
        <v>70</v>
      </c>
      <c r="L15" s="903" t="s">
        <v>70</v>
      </c>
      <c r="M15" s="903" t="s">
        <v>70</v>
      </c>
      <c r="N15" s="969">
        <v>3774</v>
      </c>
      <c r="O15" s="916">
        <v>2498</v>
      </c>
      <c r="P15" s="916">
        <v>1276</v>
      </c>
      <c r="Q15" s="916">
        <v>-40</v>
      </c>
      <c r="R15" s="916">
        <v>-143</v>
      </c>
      <c r="S15" s="916">
        <v>103</v>
      </c>
      <c r="T15" s="916">
        <v>33514</v>
      </c>
      <c r="U15" s="903">
        <v>19021</v>
      </c>
      <c r="V15" s="969">
        <v>14493</v>
      </c>
      <c r="W15" s="916">
        <v>33554</v>
      </c>
      <c r="X15" s="903">
        <v>19164</v>
      </c>
      <c r="Y15" s="969">
        <v>14390</v>
      </c>
    </row>
    <row r="16" spans="1:25" ht="20.25" customHeight="1">
      <c r="A16" s="1145"/>
      <c r="B16" s="341">
        <v>978449</v>
      </c>
      <c r="C16" s="343" t="s">
        <v>641</v>
      </c>
      <c r="D16" s="1147"/>
      <c r="E16" s="916">
        <v>-8502</v>
      </c>
      <c r="F16" s="916">
        <v>-5943</v>
      </c>
      <c r="G16" s="916">
        <v>-2559</v>
      </c>
      <c r="H16" s="916">
        <v>-6875</v>
      </c>
      <c r="I16" s="916">
        <v>-4792</v>
      </c>
      <c r="J16" s="916">
        <v>-2083</v>
      </c>
      <c r="K16" s="916" t="s">
        <v>70</v>
      </c>
      <c r="L16" s="903" t="s">
        <v>70</v>
      </c>
      <c r="M16" s="903" t="s">
        <v>70</v>
      </c>
      <c r="N16" s="969">
        <v>6875</v>
      </c>
      <c r="O16" s="916">
        <v>4792</v>
      </c>
      <c r="P16" s="916">
        <v>2083</v>
      </c>
      <c r="Q16" s="916">
        <v>-1627</v>
      </c>
      <c r="R16" s="916">
        <v>-1151</v>
      </c>
      <c r="S16" s="916">
        <v>-476</v>
      </c>
      <c r="T16" s="916">
        <v>16340</v>
      </c>
      <c r="U16" s="903">
        <v>9290</v>
      </c>
      <c r="V16" s="969">
        <v>7050</v>
      </c>
      <c r="W16" s="916">
        <v>17967</v>
      </c>
      <c r="X16" s="903">
        <v>10441</v>
      </c>
      <c r="Y16" s="969">
        <v>7526</v>
      </c>
    </row>
    <row r="17" spans="1:25" ht="20.25" customHeight="1">
      <c r="A17" s="1145"/>
      <c r="B17" s="341">
        <v>1078760</v>
      </c>
      <c r="C17" s="343" t="s">
        <v>642</v>
      </c>
      <c r="D17" s="1147"/>
      <c r="E17" s="916">
        <v>-19214</v>
      </c>
      <c r="F17" s="916">
        <v>-12803</v>
      </c>
      <c r="G17" s="916">
        <v>-6411</v>
      </c>
      <c r="H17" s="916">
        <v>-19019</v>
      </c>
      <c r="I17" s="916">
        <v>-12518</v>
      </c>
      <c r="J17" s="916">
        <v>-6501</v>
      </c>
      <c r="K17" s="916" t="s">
        <v>70</v>
      </c>
      <c r="L17" s="903" t="s">
        <v>70</v>
      </c>
      <c r="M17" s="903" t="s">
        <v>70</v>
      </c>
      <c r="N17" s="969">
        <v>19019</v>
      </c>
      <c r="O17" s="916">
        <v>12518</v>
      </c>
      <c r="P17" s="916">
        <v>6501</v>
      </c>
      <c r="Q17" s="916">
        <v>-195</v>
      </c>
      <c r="R17" s="916">
        <v>-285</v>
      </c>
      <c r="S17" s="916">
        <v>90</v>
      </c>
      <c r="T17" s="916">
        <v>11725</v>
      </c>
      <c r="U17" s="903">
        <v>5545</v>
      </c>
      <c r="V17" s="969">
        <v>6180</v>
      </c>
      <c r="W17" s="916">
        <v>11920</v>
      </c>
      <c r="X17" s="903">
        <v>5830</v>
      </c>
      <c r="Y17" s="969">
        <v>6090</v>
      </c>
    </row>
    <row r="18" spans="1:25" ht="20.25" customHeight="1">
      <c r="A18" s="1145"/>
      <c r="B18" s="341">
        <v>618831</v>
      </c>
      <c r="C18" s="343" t="s">
        <v>643</v>
      </c>
      <c r="D18" s="1147"/>
      <c r="E18" s="916">
        <v>-32118</v>
      </c>
      <c r="F18" s="916">
        <v>-18128</v>
      </c>
      <c r="G18" s="916">
        <v>-13990</v>
      </c>
      <c r="H18" s="916">
        <v>-32879</v>
      </c>
      <c r="I18" s="916">
        <v>-18222</v>
      </c>
      <c r="J18" s="916">
        <v>-14657</v>
      </c>
      <c r="K18" s="916" t="s">
        <v>70</v>
      </c>
      <c r="L18" s="903" t="s">
        <v>70</v>
      </c>
      <c r="M18" s="903" t="s">
        <v>70</v>
      </c>
      <c r="N18" s="969">
        <v>32879</v>
      </c>
      <c r="O18" s="916">
        <v>18222</v>
      </c>
      <c r="P18" s="916">
        <v>14657</v>
      </c>
      <c r="Q18" s="916">
        <v>761</v>
      </c>
      <c r="R18" s="916">
        <v>94</v>
      </c>
      <c r="S18" s="916">
        <v>667</v>
      </c>
      <c r="T18" s="916">
        <v>8794</v>
      </c>
      <c r="U18" s="903">
        <v>2859</v>
      </c>
      <c r="V18" s="969">
        <v>5935</v>
      </c>
      <c r="W18" s="916">
        <v>8033</v>
      </c>
      <c r="X18" s="903">
        <v>2765</v>
      </c>
      <c r="Y18" s="969">
        <v>5268</v>
      </c>
    </row>
    <row r="19" spans="1:25" ht="20.25" customHeight="1">
      <c r="A19" s="1145"/>
      <c r="B19" s="324">
        <v>140277</v>
      </c>
      <c r="C19" s="344" t="s">
        <v>644</v>
      </c>
      <c r="D19" s="1147"/>
      <c r="E19" s="918">
        <v>-22735</v>
      </c>
      <c r="F19" s="918">
        <v>-8067</v>
      </c>
      <c r="G19" s="918">
        <v>-14668</v>
      </c>
      <c r="H19" s="918">
        <v>-23201</v>
      </c>
      <c r="I19" s="918">
        <v>-8163</v>
      </c>
      <c r="J19" s="918">
        <v>-15038</v>
      </c>
      <c r="K19" s="918" t="s">
        <v>70</v>
      </c>
      <c r="L19" s="904" t="s">
        <v>70</v>
      </c>
      <c r="M19" s="904" t="s">
        <v>70</v>
      </c>
      <c r="N19" s="968">
        <v>23201</v>
      </c>
      <c r="O19" s="918">
        <v>8163</v>
      </c>
      <c r="P19" s="918">
        <v>15038</v>
      </c>
      <c r="Q19" s="918">
        <v>466</v>
      </c>
      <c r="R19" s="918">
        <v>96</v>
      </c>
      <c r="S19" s="918">
        <v>370</v>
      </c>
      <c r="T19" s="918">
        <v>2978</v>
      </c>
      <c r="U19" s="904">
        <v>739</v>
      </c>
      <c r="V19" s="968">
        <v>2239</v>
      </c>
      <c r="W19" s="918">
        <v>2512</v>
      </c>
      <c r="X19" s="904">
        <v>643</v>
      </c>
      <c r="Y19" s="968">
        <v>1869</v>
      </c>
    </row>
    <row r="20" spans="1:25" ht="20.25" customHeight="1" thickBot="1">
      <c r="A20" s="1146"/>
      <c r="B20" s="979">
        <v>4806</v>
      </c>
      <c r="C20" s="251" t="s">
        <v>443</v>
      </c>
      <c r="D20" s="980"/>
      <c r="E20" s="927">
        <v>-2193</v>
      </c>
      <c r="F20" s="927">
        <v>-325</v>
      </c>
      <c r="G20" s="927">
        <v>-1868</v>
      </c>
      <c r="H20" s="928">
        <v>-2206</v>
      </c>
      <c r="I20" s="927">
        <v>-323</v>
      </c>
      <c r="J20" s="927">
        <v>-1883</v>
      </c>
      <c r="K20" s="928" t="s">
        <v>70</v>
      </c>
      <c r="L20" s="928" t="s">
        <v>70</v>
      </c>
      <c r="M20" s="928" t="s">
        <v>70</v>
      </c>
      <c r="N20" s="981">
        <v>2206</v>
      </c>
      <c r="O20" s="927">
        <v>323</v>
      </c>
      <c r="P20" s="927">
        <v>1883</v>
      </c>
      <c r="Q20" s="927">
        <v>13</v>
      </c>
      <c r="R20" s="927">
        <v>-2</v>
      </c>
      <c r="S20" s="927">
        <v>15</v>
      </c>
      <c r="T20" s="927">
        <v>88</v>
      </c>
      <c r="U20" s="928">
        <v>16</v>
      </c>
      <c r="V20" s="981">
        <v>72</v>
      </c>
      <c r="W20" s="927">
        <v>75</v>
      </c>
      <c r="X20" s="928">
        <v>18</v>
      </c>
      <c r="Y20" s="981">
        <v>57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9236337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24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04"/>
      <c r="T23" s="968"/>
      <c r="U23" s="904"/>
      <c r="V23" s="968"/>
      <c r="W23" s="918"/>
      <c r="X23" s="904"/>
      <c r="Y23" s="968"/>
    </row>
    <row r="24" spans="1:25" ht="20.25" customHeight="1">
      <c r="A24" s="333" t="s">
        <v>645</v>
      </c>
      <c r="B24" s="341">
        <v>696188</v>
      </c>
      <c r="C24" s="342" t="s">
        <v>633</v>
      </c>
      <c r="D24" s="335" t="s">
        <v>645</v>
      </c>
      <c r="E24" s="916"/>
      <c r="F24" s="916"/>
      <c r="G24" s="916"/>
      <c r="H24" s="916"/>
      <c r="I24" s="916"/>
      <c r="J24" s="916"/>
      <c r="K24" s="916"/>
      <c r="L24" s="903"/>
      <c r="M24" s="903"/>
      <c r="N24" s="969"/>
      <c r="O24" s="916"/>
      <c r="P24" s="916"/>
      <c r="Q24" s="916"/>
      <c r="R24" s="916"/>
      <c r="S24" s="916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793420</v>
      </c>
      <c r="C25" s="343" t="s">
        <v>635</v>
      </c>
      <c r="D25" s="538"/>
      <c r="E25" s="916"/>
      <c r="F25" s="916"/>
      <c r="G25" s="916"/>
      <c r="H25" s="916"/>
      <c r="I25" s="916"/>
      <c r="J25" s="916"/>
      <c r="K25" s="916"/>
      <c r="L25" s="903"/>
      <c r="M25" s="903"/>
      <c r="N25" s="969"/>
      <c r="O25" s="916"/>
      <c r="P25" s="916"/>
      <c r="Q25" s="916"/>
      <c r="R25" s="916"/>
      <c r="S25" s="916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968190</v>
      </c>
      <c r="C26" s="343" t="s">
        <v>636</v>
      </c>
      <c r="D26" s="1147" t="s">
        <v>646</v>
      </c>
      <c r="E26" s="916"/>
      <c r="F26" s="916"/>
      <c r="G26" s="916"/>
      <c r="H26" s="916"/>
      <c r="I26" s="916"/>
      <c r="J26" s="916"/>
      <c r="K26" s="916"/>
      <c r="L26" s="903"/>
      <c r="M26" s="903"/>
      <c r="N26" s="969"/>
      <c r="O26" s="916"/>
      <c r="P26" s="916"/>
      <c r="Q26" s="916"/>
      <c r="R26" s="916"/>
      <c r="S26" s="916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1047547</v>
      </c>
      <c r="C27" s="343" t="s">
        <v>647</v>
      </c>
      <c r="D27" s="1147"/>
      <c r="E27" s="916"/>
      <c r="F27" s="916"/>
      <c r="G27" s="916"/>
      <c r="H27" s="916"/>
      <c r="I27" s="916"/>
      <c r="J27" s="916"/>
      <c r="K27" s="916"/>
      <c r="L27" s="903"/>
      <c r="M27" s="903"/>
      <c r="N27" s="969"/>
      <c r="O27" s="916"/>
      <c r="P27" s="916"/>
      <c r="Q27" s="916"/>
      <c r="R27" s="916"/>
      <c r="S27" s="916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1401516</v>
      </c>
      <c r="C28" s="344" t="s">
        <v>648</v>
      </c>
      <c r="D28" s="1147"/>
      <c r="E28" s="918"/>
      <c r="F28" s="918"/>
      <c r="G28" s="918"/>
      <c r="H28" s="904"/>
      <c r="I28" s="918"/>
      <c r="J28" s="918"/>
      <c r="K28" s="904"/>
      <c r="L28" s="904"/>
      <c r="M28" s="904"/>
      <c r="N28" s="968"/>
      <c r="O28" s="918"/>
      <c r="P28" s="918"/>
      <c r="Q28" s="918"/>
      <c r="R28" s="918"/>
      <c r="S28" s="918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1316240</v>
      </c>
      <c r="C29" s="343" t="s">
        <v>640</v>
      </c>
      <c r="D29" s="1147"/>
      <c r="E29" s="916"/>
      <c r="F29" s="916"/>
      <c r="G29" s="916"/>
      <c r="H29" s="916"/>
      <c r="I29" s="916"/>
      <c r="J29" s="916"/>
      <c r="K29" s="916"/>
      <c r="L29" s="903"/>
      <c r="M29" s="903"/>
      <c r="N29" s="969"/>
      <c r="O29" s="916"/>
      <c r="P29" s="916"/>
      <c r="Q29" s="916"/>
      <c r="R29" s="916"/>
      <c r="S29" s="916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989916</v>
      </c>
      <c r="C30" s="343" t="s">
        <v>649</v>
      </c>
      <c r="D30" s="1147"/>
      <c r="E30" s="916"/>
      <c r="F30" s="916"/>
      <c r="G30" s="916"/>
      <c r="H30" s="916"/>
      <c r="I30" s="916"/>
      <c r="J30" s="916"/>
      <c r="K30" s="916"/>
      <c r="L30" s="903"/>
      <c r="M30" s="903"/>
      <c r="N30" s="969"/>
      <c r="O30" s="916"/>
      <c r="P30" s="916"/>
      <c r="Q30" s="916"/>
      <c r="R30" s="916"/>
      <c r="S30" s="916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1084403</v>
      </c>
      <c r="C31" s="343" t="s">
        <v>650</v>
      </c>
      <c r="D31" s="1147"/>
      <c r="E31" s="916"/>
      <c r="F31" s="916"/>
      <c r="G31" s="916"/>
      <c r="H31" s="916"/>
      <c r="I31" s="916"/>
      <c r="J31" s="916"/>
      <c r="K31" s="916"/>
      <c r="L31" s="903"/>
      <c r="M31" s="903"/>
      <c r="N31" s="969"/>
      <c r="O31" s="916"/>
      <c r="P31" s="916"/>
      <c r="Q31" s="916"/>
      <c r="R31" s="916"/>
      <c r="S31" s="916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589625</v>
      </c>
      <c r="C32" s="343" t="s">
        <v>643</v>
      </c>
      <c r="D32" s="1147"/>
      <c r="E32" s="916"/>
      <c r="F32" s="916"/>
      <c r="G32" s="916"/>
      <c r="H32" s="916"/>
      <c r="I32" s="916"/>
      <c r="J32" s="916"/>
      <c r="K32" s="916"/>
      <c r="L32" s="903"/>
      <c r="M32" s="903"/>
      <c r="N32" s="969"/>
      <c r="O32" s="916"/>
      <c r="P32" s="916"/>
      <c r="Q32" s="916"/>
      <c r="R32" s="916"/>
      <c r="S32" s="916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130815</v>
      </c>
      <c r="C33" s="344" t="s">
        <v>644</v>
      </c>
      <c r="D33" s="1147"/>
      <c r="E33" s="918"/>
      <c r="F33" s="918"/>
      <c r="G33" s="918"/>
      <c r="H33" s="918"/>
      <c r="I33" s="918"/>
      <c r="J33" s="918"/>
      <c r="K33" s="918"/>
      <c r="L33" s="904"/>
      <c r="M33" s="904"/>
      <c r="N33" s="968"/>
      <c r="O33" s="918"/>
      <c r="P33" s="918"/>
      <c r="Q33" s="918"/>
      <c r="R33" s="918"/>
      <c r="S33" s="918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4400</v>
      </c>
      <c r="C34" s="251" t="s">
        <v>443</v>
      </c>
      <c r="D34" s="980"/>
      <c r="E34" s="927"/>
      <c r="F34" s="927"/>
      <c r="G34" s="927"/>
      <c r="H34" s="928"/>
      <c r="I34" s="927"/>
      <c r="J34" s="927"/>
      <c r="K34" s="928"/>
      <c r="L34" s="928"/>
      <c r="M34" s="928"/>
      <c r="N34" s="981"/>
      <c r="O34" s="927"/>
      <c r="P34" s="927"/>
      <c r="Q34" s="927"/>
      <c r="R34" s="927"/>
      <c r="S34" s="927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632</v>
      </c>
      <c r="B36" s="973">
        <v>-5160</v>
      </c>
      <c r="C36" s="334" t="s">
        <v>191</v>
      </c>
      <c r="D36" s="339" t="s">
        <v>632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651</v>
      </c>
      <c r="B37" s="974"/>
      <c r="C37" s="315"/>
      <c r="D37" s="339" t="s">
        <v>651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04"/>
      <c r="T37" s="968"/>
      <c r="U37" s="904"/>
      <c r="V37" s="968"/>
      <c r="W37" s="918"/>
      <c r="X37" s="904"/>
      <c r="Y37" s="968"/>
    </row>
    <row r="38" spans="1:25" ht="20.25" customHeight="1">
      <c r="A38" s="339" t="s">
        <v>645</v>
      </c>
      <c r="B38" s="975">
        <v>-13780</v>
      </c>
      <c r="C38" s="342" t="s">
        <v>633</v>
      </c>
      <c r="D38" s="339" t="s">
        <v>645</v>
      </c>
      <c r="E38" s="916"/>
      <c r="F38" s="916"/>
      <c r="G38" s="916"/>
      <c r="H38" s="916"/>
      <c r="I38" s="916"/>
      <c r="J38" s="916"/>
      <c r="K38" s="916"/>
      <c r="L38" s="903"/>
      <c r="M38" s="903"/>
      <c r="N38" s="969"/>
      <c r="O38" s="916"/>
      <c r="P38" s="916"/>
      <c r="Q38" s="916"/>
      <c r="R38" s="916"/>
      <c r="S38" s="916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11180</v>
      </c>
      <c r="C39" s="343" t="s">
        <v>635</v>
      </c>
      <c r="D39" s="1147" t="s">
        <v>653</v>
      </c>
      <c r="E39" s="916"/>
      <c r="F39" s="916"/>
      <c r="G39" s="916"/>
      <c r="H39" s="916"/>
      <c r="I39" s="916"/>
      <c r="J39" s="916"/>
      <c r="K39" s="916"/>
      <c r="L39" s="903"/>
      <c r="M39" s="903"/>
      <c r="N39" s="969"/>
      <c r="O39" s="916"/>
      <c r="P39" s="916"/>
      <c r="Q39" s="916"/>
      <c r="R39" s="916"/>
      <c r="S39" s="916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10723</v>
      </c>
      <c r="C40" s="343" t="s">
        <v>636</v>
      </c>
      <c r="D40" s="1147"/>
      <c r="E40" s="916"/>
      <c r="F40" s="916"/>
      <c r="G40" s="916"/>
      <c r="H40" s="916"/>
      <c r="I40" s="916"/>
      <c r="J40" s="916"/>
      <c r="K40" s="916"/>
      <c r="L40" s="903"/>
      <c r="M40" s="903"/>
      <c r="N40" s="969"/>
      <c r="O40" s="916"/>
      <c r="P40" s="916"/>
      <c r="Q40" s="916"/>
      <c r="R40" s="916"/>
      <c r="S40" s="916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17133</v>
      </c>
      <c r="C41" s="343" t="s">
        <v>647</v>
      </c>
      <c r="D41" s="1147"/>
      <c r="E41" s="916"/>
      <c r="F41" s="916"/>
      <c r="G41" s="916"/>
      <c r="H41" s="916"/>
      <c r="I41" s="916"/>
      <c r="J41" s="916"/>
      <c r="K41" s="916"/>
      <c r="L41" s="903"/>
      <c r="M41" s="903"/>
      <c r="N41" s="969"/>
      <c r="O41" s="916"/>
      <c r="P41" s="916"/>
      <c r="Q41" s="916"/>
      <c r="R41" s="916"/>
      <c r="S41" s="916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41729</v>
      </c>
      <c r="C42" s="344" t="s">
        <v>648</v>
      </c>
      <c r="D42" s="1147"/>
      <c r="E42" s="918"/>
      <c r="F42" s="918"/>
      <c r="G42" s="918"/>
      <c r="H42" s="904"/>
      <c r="I42" s="918"/>
      <c r="J42" s="918"/>
      <c r="K42" s="904"/>
      <c r="L42" s="904"/>
      <c r="M42" s="904"/>
      <c r="N42" s="968"/>
      <c r="O42" s="918"/>
      <c r="P42" s="918"/>
      <c r="Q42" s="918"/>
      <c r="R42" s="918"/>
      <c r="S42" s="918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45978</v>
      </c>
      <c r="C43" s="343" t="s">
        <v>640</v>
      </c>
      <c r="D43" s="1147"/>
      <c r="E43" s="916"/>
      <c r="F43" s="916"/>
      <c r="G43" s="916"/>
      <c r="H43" s="916"/>
      <c r="I43" s="916"/>
      <c r="J43" s="916"/>
      <c r="K43" s="916"/>
      <c r="L43" s="903"/>
      <c r="M43" s="903"/>
      <c r="N43" s="969"/>
      <c r="O43" s="916"/>
      <c r="P43" s="916"/>
      <c r="Q43" s="916"/>
      <c r="R43" s="916"/>
      <c r="S43" s="916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11467</v>
      </c>
      <c r="C44" s="343" t="s">
        <v>649</v>
      </c>
      <c r="D44" s="1147"/>
      <c r="E44" s="916"/>
      <c r="F44" s="916"/>
      <c r="G44" s="916"/>
      <c r="H44" s="916"/>
      <c r="I44" s="916"/>
      <c r="J44" s="916"/>
      <c r="K44" s="916"/>
      <c r="L44" s="903"/>
      <c r="M44" s="903"/>
      <c r="N44" s="969"/>
      <c r="O44" s="916"/>
      <c r="P44" s="916"/>
      <c r="Q44" s="916"/>
      <c r="R44" s="916"/>
      <c r="S44" s="916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5643</v>
      </c>
      <c r="C45" s="343" t="s">
        <v>650</v>
      </c>
      <c r="D45" s="1147"/>
      <c r="E45" s="916"/>
      <c r="F45" s="916"/>
      <c r="G45" s="916"/>
      <c r="H45" s="916"/>
      <c r="I45" s="916"/>
      <c r="J45" s="916"/>
      <c r="K45" s="916"/>
      <c r="L45" s="903"/>
      <c r="M45" s="903"/>
      <c r="N45" s="969"/>
      <c r="O45" s="916"/>
      <c r="P45" s="916"/>
      <c r="Q45" s="916"/>
      <c r="R45" s="916"/>
      <c r="S45" s="916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29206</v>
      </c>
      <c r="C46" s="343" t="s">
        <v>643</v>
      </c>
      <c r="D46" s="1147"/>
      <c r="E46" s="916"/>
      <c r="F46" s="916"/>
      <c r="G46" s="916"/>
      <c r="H46" s="916"/>
      <c r="I46" s="916"/>
      <c r="J46" s="916"/>
      <c r="K46" s="916"/>
      <c r="L46" s="903"/>
      <c r="M46" s="903"/>
      <c r="N46" s="969"/>
      <c r="O46" s="916"/>
      <c r="P46" s="916"/>
      <c r="Q46" s="916"/>
      <c r="R46" s="916"/>
      <c r="S46" s="916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9462</v>
      </c>
      <c r="C47" s="344" t="s">
        <v>644</v>
      </c>
      <c r="D47" s="1147"/>
      <c r="E47" s="918"/>
      <c r="F47" s="918"/>
      <c r="G47" s="918"/>
      <c r="H47" s="918"/>
      <c r="I47" s="918"/>
      <c r="J47" s="918"/>
      <c r="K47" s="918"/>
      <c r="L47" s="904"/>
      <c r="M47" s="904"/>
      <c r="N47" s="968"/>
      <c r="O47" s="918"/>
      <c r="P47" s="918"/>
      <c r="Q47" s="918"/>
      <c r="R47" s="918"/>
      <c r="S47" s="918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406</v>
      </c>
      <c r="C48" s="251" t="s">
        <v>443</v>
      </c>
      <c r="D48" s="1148"/>
      <c r="E48" s="927"/>
      <c r="F48" s="927"/>
      <c r="G48" s="927"/>
      <c r="H48" s="928"/>
      <c r="I48" s="927"/>
      <c r="J48" s="927"/>
      <c r="K48" s="928"/>
      <c r="L48" s="928"/>
      <c r="M48" s="928"/>
      <c r="N48" s="981"/>
      <c r="O48" s="927"/>
      <c r="P48" s="927"/>
      <c r="Q48" s="927"/>
      <c r="R48" s="927"/>
      <c r="S48" s="927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958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960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654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655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502</v>
      </c>
      <c r="L5" s="1141"/>
      <c r="M5" s="1142"/>
      <c r="N5" s="1141" t="s">
        <v>503</v>
      </c>
      <c r="O5" s="1141"/>
      <c r="P5" s="1141"/>
      <c r="Q5" s="1140" t="s">
        <v>546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548</v>
      </c>
      <c r="L6" s="530" t="s">
        <v>508</v>
      </c>
      <c r="M6" s="530" t="s">
        <v>509</v>
      </c>
      <c r="N6" s="929" t="s">
        <v>548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3772029</v>
      </c>
      <c r="C8" s="334" t="s">
        <v>191</v>
      </c>
      <c r="D8" s="335"/>
      <c r="E8" s="964">
        <v>-4257</v>
      </c>
      <c r="F8" s="965">
        <v>-4056</v>
      </c>
      <c r="G8" s="966">
        <v>-201</v>
      </c>
      <c r="H8" s="964">
        <v>-11457</v>
      </c>
      <c r="I8" s="965">
        <v>-6411</v>
      </c>
      <c r="J8" s="967">
        <v>-5046</v>
      </c>
      <c r="K8" s="964">
        <v>24876</v>
      </c>
      <c r="L8" s="965">
        <v>12767</v>
      </c>
      <c r="M8" s="965">
        <v>12109</v>
      </c>
      <c r="N8" s="966">
        <v>36333</v>
      </c>
      <c r="O8" s="964">
        <v>19178</v>
      </c>
      <c r="P8" s="964">
        <v>17155</v>
      </c>
      <c r="Q8" s="964">
        <v>7200</v>
      </c>
      <c r="R8" s="965">
        <v>2355</v>
      </c>
      <c r="S8" s="967">
        <v>4845</v>
      </c>
      <c r="T8" s="966">
        <v>214743</v>
      </c>
      <c r="U8" s="964">
        <v>112792</v>
      </c>
      <c r="V8" s="964">
        <v>101951</v>
      </c>
      <c r="W8" s="964">
        <v>207543</v>
      </c>
      <c r="X8" s="964">
        <v>110437</v>
      </c>
      <c r="Y8" s="964">
        <v>97106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56</v>
      </c>
      <c r="B10" s="341">
        <v>278384</v>
      </c>
      <c r="C10" s="342" t="s">
        <v>633</v>
      </c>
      <c r="D10" s="335" t="s">
        <v>634</v>
      </c>
      <c r="E10" s="916">
        <v>25175</v>
      </c>
      <c r="F10" s="903">
        <v>12913</v>
      </c>
      <c r="G10" s="969">
        <v>12262</v>
      </c>
      <c r="H10" s="916">
        <v>24822</v>
      </c>
      <c r="I10" s="903">
        <v>12741</v>
      </c>
      <c r="J10" s="917">
        <v>12081</v>
      </c>
      <c r="K10" s="916">
        <v>24876</v>
      </c>
      <c r="L10" s="916">
        <v>12767</v>
      </c>
      <c r="M10" s="903">
        <v>12109</v>
      </c>
      <c r="N10" s="969">
        <v>54</v>
      </c>
      <c r="O10" s="916">
        <v>26</v>
      </c>
      <c r="P10" s="916">
        <v>28</v>
      </c>
      <c r="Q10" s="916">
        <v>353</v>
      </c>
      <c r="R10" s="903">
        <v>172</v>
      </c>
      <c r="S10" s="917">
        <v>181</v>
      </c>
      <c r="T10" s="916">
        <v>17023</v>
      </c>
      <c r="U10" s="903">
        <v>8694</v>
      </c>
      <c r="V10" s="969">
        <v>8329</v>
      </c>
      <c r="W10" s="916">
        <v>16670</v>
      </c>
      <c r="X10" s="903">
        <v>8522</v>
      </c>
      <c r="Y10" s="969">
        <v>8148</v>
      </c>
    </row>
    <row r="11" spans="1:25" ht="20.25" customHeight="1">
      <c r="A11" s="338"/>
      <c r="B11" s="341">
        <v>317974</v>
      </c>
      <c r="C11" s="343" t="s">
        <v>657</v>
      </c>
      <c r="D11" s="538"/>
      <c r="E11" s="916">
        <v>2002</v>
      </c>
      <c r="F11" s="903">
        <v>1087</v>
      </c>
      <c r="G11" s="969">
        <v>915</v>
      </c>
      <c r="H11" s="916">
        <v>-54</v>
      </c>
      <c r="I11" s="903">
        <v>-30</v>
      </c>
      <c r="J11" s="917">
        <v>-24</v>
      </c>
      <c r="K11" s="916" t="s">
        <v>70</v>
      </c>
      <c r="L11" s="903" t="s">
        <v>70</v>
      </c>
      <c r="M11" s="903" t="s">
        <v>70</v>
      </c>
      <c r="N11" s="969">
        <v>54</v>
      </c>
      <c r="O11" s="916">
        <v>30</v>
      </c>
      <c r="P11" s="916">
        <v>24</v>
      </c>
      <c r="Q11" s="916">
        <v>2056</v>
      </c>
      <c r="R11" s="903">
        <v>1117</v>
      </c>
      <c r="S11" s="917">
        <v>939</v>
      </c>
      <c r="T11" s="916">
        <v>9805</v>
      </c>
      <c r="U11" s="903">
        <v>5154</v>
      </c>
      <c r="V11" s="969">
        <v>4651</v>
      </c>
      <c r="W11" s="916">
        <v>7749</v>
      </c>
      <c r="X11" s="903">
        <v>4037</v>
      </c>
      <c r="Y11" s="969">
        <v>3712</v>
      </c>
    </row>
    <row r="12" spans="1:25" ht="20.25" customHeight="1">
      <c r="A12" s="1145" t="s">
        <v>421</v>
      </c>
      <c r="B12" s="341">
        <v>400821</v>
      </c>
      <c r="C12" s="343" t="s">
        <v>658</v>
      </c>
      <c r="D12" s="1147" t="s">
        <v>637</v>
      </c>
      <c r="E12" s="916">
        <v>5140</v>
      </c>
      <c r="F12" s="903">
        <v>2242</v>
      </c>
      <c r="G12" s="969">
        <v>2898</v>
      </c>
      <c r="H12" s="916">
        <v>-132</v>
      </c>
      <c r="I12" s="903">
        <v>-89</v>
      </c>
      <c r="J12" s="917">
        <v>-43</v>
      </c>
      <c r="K12" s="916" t="s">
        <v>70</v>
      </c>
      <c r="L12" s="903" t="s">
        <v>70</v>
      </c>
      <c r="M12" s="903" t="s">
        <v>70</v>
      </c>
      <c r="N12" s="969">
        <v>132</v>
      </c>
      <c r="O12" s="916">
        <v>89</v>
      </c>
      <c r="P12" s="916">
        <v>43</v>
      </c>
      <c r="Q12" s="916">
        <v>5272</v>
      </c>
      <c r="R12" s="903">
        <v>2331</v>
      </c>
      <c r="S12" s="917">
        <v>2941</v>
      </c>
      <c r="T12" s="916">
        <v>79760</v>
      </c>
      <c r="U12" s="903">
        <v>41039</v>
      </c>
      <c r="V12" s="969">
        <v>38721</v>
      </c>
      <c r="W12" s="916">
        <v>74488</v>
      </c>
      <c r="X12" s="903">
        <v>38708</v>
      </c>
      <c r="Y12" s="969">
        <v>35780</v>
      </c>
    </row>
    <row r="13" spans="1:25" ht="20.25" customHeight="1">
      <c r="A13" s="1145"/>
      <c r="B13" s="341">
        <v>419985</v>
      </c>
      <c r="C13" s="343" t="s">
        <v>659</v>
      </c>
      <c r="D13" s="1147"/>
      <c r="E13" s="916">
        <v>1162</v>
      </c>
      <c r="F13" s="903">
        <v>338</v>
      </c>
      <c r="G13" s="969">
        <v>824</v>
      </c>
      <c r="H13" s="916">
        <v>-213</v>
      </c>
      <c r="I13" s="903">
        <v>-134</v>
      </c>
      <c r="J13" s="917">
        <v>-79</v>
      </c>
      <c r="K13" s="916" t="s">
        <v>70</v>
      </c>
      <c r="L13" s="903" t="s">
        <v>70</v>
      </c>
      <c r="M13" s="903" t="s">
        <v>70</v>
      </c>
      <c r="N13" s="969">
        <v>213</v>
      </c>
      <c r="O13" s="916">
        <v>134</v>
      </c>
      <c r="P13" s="916">
        <v>79</v>
      </c>
      <c r="Q13" s="916">
        <v>1375</v>
      </c>
      <c r="R13" s="903">
        <v>472</v>
      </c>
      <c r="S13" s="917">
        <v>903</v>
      </c>
      <c r="T13" s="916">
        <v>51686</v>
      </c>
      <c r="U13" s="903">
        <v>27832</v>
      </c>
      <c r="V13" s="969">
        <v>23854</v>
      </c>
      <c r="W13" s="916">
        <v>50311</v>
      </c>
      <c r="X13" s="903">
        <v>27360</v>
      </c>
      <c r="Y13" s="969">
        <v>22951</v>
      </c>
    </row>
    <row r="14" spans="1:25" ht="20.25" customHeight="1">
      <c r="A14" s="1145"/>
      <c r="B14" s="324">
        <v>553281</v>
      </c>
      <c r="C14" s="344" t="s">
        <v>660</v>
      </c>
      <c r="D14" s="1147"/>
      <c r="E14" s="918">
        <v>-65</v>
      </c>
      <c r="F14" s="904">
        <v>-342</v>
      </c>
      <c r="G14" s="968">
        <v>277</v>
      </c>
      <c r="H14" s="904">
        <v>-554</v>
      </c>
      <c r="I14" s="904">
        <v>-347</v>
      </c>
      <c r="J14" s="919">
        <v>-207</v>
      </c>
      <c r="K14" s="904" t="s">
        <v>70</v>
      </c>
      <c r="L14" s="904" t="s">
        <v>70</v>
      </c>
      <c r="M14" s="904" t="s">
        <v>70</v>
      </c>
      <c r="N14" s="968">
        <v>554</v>
      </c>
      <c r="O14" s="918">
        <v>347</v>
      </c>
      <c r="P14" s="918">
        <v>207</v>
      </c>
      <c r="Q14" s="918">
        <v>489</v>
      </c>
      <c r="R14" s="904">
        <v>5</v>
      </c>
      <c r="S14" s="919">
        <v>484</v>
      </c>
      <c r="T14" s="918">
        <v>23663</v>
      </c>
      <c r="U14" s="904">
        <v>13358</v>
      </c>
      <c r="V14" s="968">
        <v>10305</v>
      </c>
      <c r="W14" s="918">
        <v>23174</v>
      </c>
      <c r="X14" s="904">
        <v>13353</v>
      </c>
      <c r="Y14" s="968">
        <v>9821</v>
      </c>
    </row>
    <row r="15" spans="1:25" ht="20.25" customHeight="1">
      <c r="A15" s="1145"/>
      <c r="B15" s="341">
        <v>570572</v>
      </c>
      <c r="C15" s="343" t="s">
        <v>640</v>
      </c>
      <c r="D15" s="1147"/>
      <c r="E15" s="916">
        <v>-2269</v>
      </c>
      <c r="F15" s="903">
        <v>-1448</v>
      </c>
      <c r="G15" s="969">
        <v>-821</v>
      </c>
      <c r="H15" s="916">
        <v>-1484</v>
      </c>
      <c r="I15" s="903">
        <v>-960</v>
      </c>
      <c r="J15" s="917">
        <v>-524</v>
      </c>
      <c r="K15" s="916" t="s">
        <v>70</v>
      </c>
      <c r="L15" s="903" t="s">
        <v>70</v>
      </c>
      <c r="M15" s="903" t="s">
        <v>70</v>
      </c>
      <c r="N15" s="969">
        <v>1484</v>
      </c>
      <c r="O15" s="916">
        <v>960</v>
      </c>
      <c r="P15" s="916">
        <v>524</v>
      </c>
      <c r="Q15" s="916">
        <v>-785</v>
      </c>
      <c r="R15" s="903">
        <v>-488</v>
      </c>
      <c r="S15" s="917">
        <v>-297</v>
      </c>
      <c r="T15" s="916">
        <v>15149</v>
      </c>
      <c r="U15" s="903">
        <v>8543</v>
      </c>
      <c r="V15" s="969">
        <v>6606</v>
      </c>
      <c r="W15" s="916">
        <v>15934</v>
      </c>
      <c r="X15" s="903">
        <v>9031</v>
      </c>
      <c r="Y15" s="969">
        <v>6903</v>
      </c>
    </row>
    <row r="16" spans="1:25" ht="20.25" customHeight="1">
      <c r="A16" s="1145"/>
      <c r="B16" s="341">
        <v>398830</v>
      </c>
      <c r="C16" s="343" t="s">
        <v>649</v>
      </c>
      <c r="D16" s="1147"/>
      <c r="E16" s="916">
        <v>-4045</v>
      </c>
      <c r="F16" s="903">
        <v>-2747</v>
      </c>
      <c r="G16" s="969">
        <v>-1298</v>
      </c>
      <c r="H16" s="916">
        <v>-2674</v>
      </c>
      <c r="I16" s="903">
        <v>-1874</v>
      </c>
      <c r="J16" s="917">
        <v>-800</v>
      </c>
      <c r="K16" s="916" t="s">
        <v>70</v>
      </c>
      <c r="L16" s="903" t="s">
        <v>70</v>
      </c>
      <c r="M16" s="903" t="s">
        <v>70</v>
      </c>
      <c r="N16" s="969">
        <v>2674</v>
      </c>
      <c r="O16" s="916">
        <v>1874</v>
      </c>
      <c r="P16" s="916">
        <v>800</v>
      </c>
      <c r="Q16" s="916">
        <v>-1371</v>
      </c>
      <c r="R16" s="903">
        <v>-873</v>
      </c>
      <c r="S16" s="917">
        <v>-498</v>
      </c>
      <c r="T16" s="916">
        <v>7251</v>
      </c>
      <c r="U16" s="903">
        <v>4151</v>
      </c>
      <c r="V16" s="969">
        <v>3100</v>
      </c>
      <c r="W16" s="916">
        <v>8622</v>
      </c>
      <c r="X16" s="903">
        <v>5024</v>
      </c>
      <c r="Y16" s="969">
        <v>3598</v>
      </c>
    </row>
    <row r="17" spans="1:25" ht="20.25" customHeight="1">
      <c r="A17" s="1145"/>
      <c r="B17" s="341">
        <v>423131</v>
      </c>
      <c r="C17" s="343" t="s">
        <v>650</v>
      </c>
      <c r="D17" s="1147"/>
      <c r="E17" s="916">
        <v>-7781</v>
      </c>
      <c r="F17" s="903">
        <v>-5200</v>
      </c>
      <c r="G17" s="969">
        <v>-2581</v>
      </c>
      <c r="H17" s="916">
        <v>-7419</v>
      </c>
      <c r="I17" s="903">
        <v>-4900</v>
      </c>
      <c r="J17" s="917">
        <v>-2519</v>
      </c>
      <c r="K17" s="916" t="s">
        <v>70</v>
      </c>
      <c r="L17" s="903" t="s">
        <v>70</v>
      </c>
      <c r="M17" s="903" t="s">
        <v>70</v>
      </c>
      <c r="N17" s="969">
        <v>7419</v>
      </c>
      <c r="O17" s="916">
        <v>4900</v>
      </c>
      <c r="P17" s="916">
        <v>2519</v>
      </c>
      <c r="Q17" s="916">
        <v>-362</v>
      </c>
      <c r="R17" s="903">
        <v>-300</v>
      </c>
      <c r="S17" s="917">
        <v>-62</v>
      </c>
      <c r="T17" s="916">
        <v>5163</v>
      </c>
      <c r="U17" s="903">
        <v>2447</v>
      </c>
      <c r="V17" s="969">
        <v>2716</v>
      </c>
      <c r="W17" s="916">
        <v>5525</v>
      </c>
      <c r="X17" s="903">
        <v>2747</v>
      </c>
      <c r="Y17" s="969">
        <v>2778</v>
      </c>
    </row>
    <row r="18" spans="1:25" ht="20.25" customHeight="1">
      <c r="A18" s="1145"/>
      <c r="B18" s="341">
        <v>250832</v>
      </c>
      <c r="C18" s="343" t="s">
        <v>643</v>
      </c>
      <c r="D18" s="1147"/>
      <c r="E18" s="916">
        <v>-13022</v>
      </c>
      <c r="F18" s="903">
        <v>-7293</v>
      </c>
      <c r="G18" s="969">
        <v>-5729</v>
      </c>
      <c r="H18" s="916">
        <v>-13139</v>
      </c>
      <c r="I18" s="903">
        <v>-7239</v>
      </c>
      <c r="J18" s="917">
        <v>-5900</v>
      </c>
      <c r="K18" s="916" t="s">
        <v>70</v>
      </c>
      <c r="L18" s="903" t="s">
        <v>70</v>
      </c>
      <c r="M18" s="903" t="s">
        <v>70</v>
      </c>
      <c r="N18" s="969">
        <v>13139</v>
      </c>
      <c r="O18" s="916">
        <v>7239</v>
      </c>
      <c r="P18" s="916">
        <v>5900</v>
      </c>
      <c r="Q18" s="916">
        <v>117</v>
      </c>
      <c r="R18" s="903">
        <v>-54</v>
      </c>
      <c r="S18" s="917">
        <v>171</v>
      </c>
      <c r="T18" s="916">
        <v>3863</v>
      </c>
      <c r="U18" s="903">
        <v>1236</v>
      </c>
      <c r="V18" s="969">
        <v>2627</v>
      </c>
      <c r="W18" s="916">
        <v>3746</v>
      </c>
      <c r="X18" s="903">
        <v>1290</v>
      </c>
      <c r="Y18" s="969">
        <v>2456</v>
      </c>
    </row>
    <row r="19" spans="1:25" ht="20.25" customHeight="1">
      <c r="A19" s="1145"/>
      <c r="B19" s="324">
        <v>57573</v>
      </c>
      <c r="C19" s="344" t="s">
        <v>644</v>
      </c>
      <c r="D19" s="1147"/>
      <c r="E19" s="918">
        <v>-9640</v>
      </c>
      <c r="F19" s="904">
        <v>-3460</v>
      </c>
      <c r="G19" s="968">
        <v>-6180</v>
      </c>
      <c r="H19" s="918">
        <v>-9700</v>
      </c>
      <c r="I19" s="904">
        <v>-3438</v>
      </c>
      <c r="J19" s="919">
        <v>-6262</v>
      </c>
      <c r="K19" s="918" t="s">
        <v>70</v>
      </c>
      <c r="L19" s="904" t="s">
        <v>70</v>
      </c>
      <c r="M19" s="904" t="s">
        <v>70</v>
      </c>
      <c r="N19" s="968">
        <v>9700</v>
      </c>
      <c r="O19" s="918">
        <v>3438</v>
      </c>
      <c r="P19" s="918">
        <v>6262</v>
      </c>
      <c r="Q19" s="918">
        <v>60</v>
      </c>
      <c r="R19" s="904">
        <v>-22</v>
      </c>
      <c r="S19" s="919">
        <v>82</v>
      </c>
      <c r="T19" s="918">
        <v>1341</v>
      </c>
      <c r="U19" s="904">
        <v>330</v>
      </c>
      <c r="V19" s="968">
        <v>1011</v>
      </c>
      <c r="W19" s="918">
        <v>1281</v>
      </c>
      <c r="X19" s="904">
        <v>352</v>
      </c>
      <c r="Y19" s="968">
        <v>929</v>
      </c>
    </row>
    <row r="20" spans="1:25" ht="20.25" customHeight="1" thickBot="1">
      <c r="A20" s="1146"/>
      <c r="B20" s="979">
        <v>1857</v>
      </c>
      <c r="C20" s="251" t="s">
        <v>443</v>
      </c>
      <c r="D20" s="980"/>
      <c r="E20" s="927">
        <v>-914</v>
      </c>
      <c r="F20" s="928">
        <v>-146</v>
      </c>
      <c r="G20" s="981">
        <v>-768</v>
      </c>
      <c r="H20" s="928">
        <v>-910</v>
      </c>
      <c r="I20" s="928">
        <v>-141</v>
      </c>
      <c r="J20" s="982">
        <v>-769</v>
      </c>
      <c r="K20" s="927" t="s">
        <v>70</v>
      </c>
      <c r="L20" s="928" t="s">
        <v>70</v>
      </c>
      <c r="M20" s="928" t="s">
        <v>70</v>
      </c>
      <c r="N20" s="981">
        <v>910</v>
      </c>
      <c r="O20" s="927">
        <v>141</v>
      </c>
      <c r="P20" s="927">
        <v>769</v>
      </c>
      <c r="Q20" s="927">
        <v>-4</v>
      </c>
      <c r="R20" s="928">
        <v>-5</v>
      </c>
      <c r="S20" s="982">
        <v>1</v>
      </c>
      <c r="T20" s="927">
        <v>39</v>
      </c>
      <c r="U20" s="928">
        <v>8</v>
      </c>
      <c r="V20" s="981">
        <v>31</v>
      </c>
      <c r="W20" s="927">
        <v>43</v>
      </c>
      <c r="X20" s="928">
        <v>13</v>
      </c>
      <c r="Y20" s="981">
        <v>30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3776286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661</v>
      </c>
      <c r="B24" s="341">
        <v>283381</v>
      </c>
      <c r="C24" s="342" t="s">
        <v>633</v>
      </c>
      <c r="D24" s="335" t="s">
        <v>661</v>
      </c>
      <c r="E24" s="916"/>
      <c r="F24" s="903"/>
      <c r="G24" s="969"/>
      <c r="H24" s="916"/>
      <c r="I24" s="903"/>
      <c r="J24" s="917"/>
      <c r="K24" s="916"/>
      <c r="L24" s="916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322657</v>
      </c>
      <c r="C25" s="343" t="s">
        <v>657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397504</v>
      </c>
      <c r="C26" s="343" t="s">
        <v>658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426726</v>
      </c>
      <c r="C27" s="343" t="s">
        <v>647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571224</v>
      </c>
      <c r="C28" s="344" t="s">
        <v>648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553078</v>
      </c>
      <c r="C29" s="343" t="s">
        <v>640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401232</v>
      </c>
      <c r="C30" s="343" t="s">
        <v>662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425677</v>
      </c>
      <c r="C31" s="343" t="s">
        <v>650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240602</v>
      </c>
      <c r="C32" s="343" t="s">
        <v>663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53699</v>
      </c>
      <c r="C33" s="344" t="s">
        <v>644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1717</v>
      </c>
      <c r="C34" s="251" t="s">
        <v>443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632</v>
      </c>
      <c r="B36" s="973">
        <v>-4257</v>
      </c>
      <c r="C36" s="334" t="s">
        <v>191</v>
      </c>
      <c r="D36" s="339" t="s">
        <v>632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651</v>
      </c>
      <c r="B37" s="974"/>
      <c r="C37" s="315"/>
      <c r="D37" s="339" t="s">
        <v>651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645</v>
      </c>
      <c r="B38" s="975">
        <v>-4997</v>
      </c>
      <c r="C38" s="342" t="s">
        <v>633</v>
      </c>
      <c r="D38" s="339" t="s">
        <v>645</v>
      </c>
      <c r="E38" s="916"/>
      <c r="F38" s="903"/>
      <c r="G38" s="969"/>
      <c r="H38" s="916"/>
      <c r="I38" s="903"/>
      <c r="J38" s="917"/>
      <c r="K38" s="916"/>
      <c r="L38" s="916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4683</v>
      </c>
      <c r="C39" s="343" t="s">
        <v>635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3317</v>
      </c>
      <c r="C40" s="343" t="s">
        <v>636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6741</v>
      </c>
      <c r="C41" s="343" t="s">
        <v>647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17943</v>
      </c>
      <c r="C42" s="344" t="s">
        <v>648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17494</v>
      </c>
      <c r="C43" s="343" t="s">
        <v>640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2402</v>
      </c>
      <c r="C44" s="343" t="s">
        <v>649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2546</v>
      </c>
      <c r="C45" s="343" t="s">
        <v>650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10230</v>
      </c>
      <c r="C46" s="343" t="s">
        <v>643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3874</v>
      </c>
      <c r="C47" s="344" t="s">
        <v>644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140</v>
      </c>
      <c r="C48" s="251" t="s">
        <v>443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464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465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664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665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666</v>
      </c>
      <c r="L5" s="1141"/>
      <c r="M5" s="1142"/>
      <c r="N5" s="1141" t="s">
        <v>503</v>
      </c>
      <c r="O5" s="1141"/>
      <c r="P5" s="1141"/>
      <c r="Q5" s="1140" t="s">
        <v>546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548</v>
      </c>
      <c r="L6" s="530" t="s">
        <v>508</v>
      </c>
      <c r="M6" s="530" t="s">
        <v>509</v>
      </c>
      <c r="N6" s="929" t="s">
        <v>548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1538825</v>
      </c>
      <c r="C8" s="334" t="s">
        <v>191</v>
      </c>
      <c r="D8" s="335"/>
      <c r="E8" s="964">
        <v>692</v>
      </c>
      <c r="F8" s="965">
        <v>-599</v>
      </c>
      <c r="G8" s="966">
        <v>1291</v>
      </c>
      <c r="H8" s="964">
        <v>-156</v>
      </c>
      <c r="I8" s="965">
        <v>-483</v>
      </c>
      <c r="J8" s="967">
        <v>327</v>
      </c>
      <c r="K8" s="964">
        <v>12279</v>
      </c>
      <c r="L8" s="965">
        <v>6291</v>
      </c>
      <c r="M8" s="965">
        <v>5988</v>
      </c>
      <c r="N8" s="966">
        <v>12435</v>
      </c>
      <c r="O8" s="964">
        <v>6774</v>
      </c>
      <c r="P8" s="964">
        <v>5661</v>
      </c>
      <c r="Q8" s="964">
        <v>848</v>
      </c>
      <c r="R8" s="965">
        <v>-116</v>
      </c>
      <c r="S8" s="967">
        <v>964</v>
      </c>
      <c r="T8" s="966">
        <v>102481</v>
      </c>
      <c r="U8" s="964">
        <v>54388</v>
      </c>
      <c r="V8" s="964">
        <v>48093</v>
      </c>
      <c r="W8" s="964">
        <v>101633</v>
      </c>
      <c r="X8" s="964">
        <v>54504</v>
      </c>
      <c r="Y8" s="964">
        <v>47129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56</v>
      </c>
      <c r="B10" s="341">
        <v>124124</v>
      </c>
      <c r="C10" s="342" t="s">
        <v>633</v>
      </c>
      <c r="D10" s="335" t="s">
        <v>634</v>
      </c>
      <c r="E10" s="916">
        <v>9590</v>
      </c>
      <c r="F10" s="903">
        <v>4877</v>
      </c>
      <c r="G10" s="969">
        <v>4713</v>
      </c>
      <c r="H10" s="916">
        <v>12251</v>
      </c>
      <c r="I10" s="903">
        <v>6279</v>
      </c>
      <c r="J10" s="917">
        <v>5972</v>
      </c>
      <c r="K10" s="916">
        <v>12279</v>
      </c>
      <c r="L10" s="916">
        <v>6291</v>
      </c>
      <c r="M10" s="903">
        <v>5988</v>
      </c>
      <c r="N10" s="969">
        <v>28</v>
      </c>
      <c r="O10" s="916">
        <v>12</v>
      </c>
      <c r="P10" s="916">
        <v>16</v>
      </c>
      <c r="Q10" s="916">
        <v>-2661</v>
      </c>
      <c r="R10" s="903">
        <v>-1402</v>
      </c>
      <c r="S10" s="917">
        <v>-1259</v>
      </c>
      <c r="T10" s="916">
        <v>5791</v>
      </c>
      <c r="U10" s="903">
        <v>2909</v>
      </c>
      <c r="V10" s="969">
        <v>2882</v>
      </c>
      <c r="W10" s="916">
        <v>8452</v>
      </c>
      <c r="X10" s="903">
        <v>4311</v>
      </c>
      <c r="Y10" s="969">
        <v>4141</v>
      </c>
    </row>
    <row r="11" spans="1:25" ht="20.25" customHeight="1">
      <c r="A11" s="338"/>
      <c r="B11" s="341">
        <v>123674</v>
      </c>
      <c r="C11" s="343" t="s">
        <v>657</v>
      </c>
      <c r="D11" s="538"/>
      <c r="E11" s="916">
        <v>929</v>
      </c>
      <c r="F11" s="903">
        <v>523</v>
      </c>
      <c r="G11" s="969">
        <v>406</v>
      </c>
      <c r="H11" s="916">
        <v>-18</v>
      </c>
      <c r="I11" s="903">
        <v>-13</v>
      </c>
      <c r="J11" s="917">
        <v>-5</v>
      </c>
      <c r="K11" s="916" t="s">
        <v>70</v>
      </c>
      <c r="L11" s="903" t="s">
        <v>70</v>
      </c>
      <c r="M11" s="903" t="s">
        <v>70</v>
      </c>
      <c r="N11" s="969">
        <v>18</v>
      </c>
      <c r="O11" s="916">
        <v>13</v>
      </c>
      <c r="P11" s="916">
        <v>5</v>
      </c>
      <c r="Q11" s="916">
        <v>947</v>
      </c>
      <c r="R11" s="903">
        <v>536</v>
      </c>
      <c r="S11" s="917">
        <v>411</v>
      </c>
      <c r="T11" s="916">
        <v>3928</v>
      </c>
      <c r="U11" s="903">
        <v>2069</v>
      </c>
      <c r="V11" s="969">
        <v>1859</v>
      </c>
      <c r="W11" s="916">
        <v>2981</v>
      </c>
      <c r="X11" s="903">
        <v>1533</v>
      </c>
      <c r="Y11" s="969">
        <v>1448</v>
      </c>
    </row>
    <row r="12" spans="1:25" ht="20.25" customHeight="1">
      <c r="A12" s="1145" t="s">
        <v>421</v>
      </c>
      <c r="B12" s="341">
        <v>196942</v>
      </c>
      <c r="C12" s="343" t="s">
        <v>658</v>
      </c>
      <c r="D12" s="1147" t="s">
        <v>637</v>
      </c>
      <c r="E12" s="916">
        <v>9720</v>
      </c>
      <c r="F12" s="903">
        <v>4821</v>
      </c>
      <c r="G12" s="969">
        <v>4899</v>
      </c>
      <c r="H12" s="916">
        <v>-45</v>
      </c>
      <c r="I12" s="903">
        <v>-28</v>
      </c>
      <c r="J12" s="917">
        <v>-17</v>
      </c>
      <c r="K12" s="916" t="s">
        <v>70</v>
      </c>
      <c r="L12" s="903" t="s">
        <v>70</v>
      </c>
      <c r="M12" s="903" t="s">
        <v>70</v>
      </c>
      <c r="N12" s="969">
        <v>45</v>
      </c>
      <c r="O12" s="916">
        <v>28</v>
      </c>
      <c r="P12" s="916">
        <v>17</v>
      </c>
      <c r="Q12" s="916">
        <v>9765</v>
      </c>
      <c r="R12" s="903">
        <v>4849</v>
      </c>
      <c r="S12" s="917">
        <v>4916</v>
      </c>
      <c r="T12" s="916">
        <v>47218</v>
      </c>
      <c r="U12" s="903">
        <v>24411</v>
      </c>
      <c r="V12" s="969">
        <v>22807</v>
      </c>
      <c r="W12" s="916">
        <v>37453</v>
      </c>
      <c r="X12" s="903">
        <v>19562</v>
      </c>
      <c r="Y12" s="969">
        <v>17891</v>
      </c>
    </row>
    <row r="13" spans="1:25" ht="20.25" customHeight="1">
      <c r="A13" s="1145"/>
      <c r="B13" s="341">
        <v>208842</v>
      </c>
      <c r="C13" s="343" t="s">
        <v>638</v>
      </c>
      <c r="D13" s="1147"/>
      <c r="E13" s="916">
        <v>-3319</v>
      </c>
      <c r="F13" s="903">
        <v>-1719</v>
      </c>
      <c r="G13" s="969">
        <v>-1600</v>
      </c>
      <c r="H13" s="916">
        <v>-102</v>
      </c>
      <c r="I13" s="903">
        <v>-66</v>
      </c>
      <c r="J13" s="917">
        <v>-36</v>
      </c>
      <c r="K13" s="916" t="s">
        <v>70</v>
      </c>
      <c r="L13" s="903" t="s">
        <v>70</v>
      </c>
      <c r="M13" s="903" t="s">
        <v>70</v>
      </c>
      <c r="N13" s="969">
        <v>102</v>
      </c>
      <c r="O13" s="916">
        <v>66</v>
      </c>
      <c r="P13" s="916">
        <v>36</v>
      </c>
      <c r="Q13" s="916">
        <v>-3217</v>
      </c>
      <c r="R13" s="903">
        <v>-1653</v>
      </c>
      <c r="S13" s="917">
        <v>-1564</v>
      </c>
      <c r="T13" s="916">
        <v>24730</v>
      </c>
      <c r="U13" s="903">
        <v>13581</v>
      </c>
      <c r="V13" s="969">
        <v>11149</v>
      </c>
      <c r="W13" s="916">
        <v>27947</v>
      </c>
      <c r="X13" s="903">
        <v>15234</v>
      </c>
      <c r="Y13" s="969">
        <v>12713</v>
      </c>
    </row>
    <row r="14" spans="1:25" ht="20.25" customHeight="1">
      <c r="A14" s="1145"/>
      <c r="B14" s="324">
        <v>239219</v>
      </c>
      <c r="C14" s="344" t="s">
        <v>648</v>
      </c>
      <c r="D14" s="1147"/>
      <c r="E14" s="918">
        <v>-2048</v>
      </c>
      <c r="F14" s="904">
        <v>-1260</v>
      </c>
      <c r="G14" s="968">
        <v>-788</v>
      </c>
      <c r="H14" s="904">
        <v>-237</v>
      </c>
      <c r="I14" s="904">
        <v>-159</v>
      </c>
      <c r="J14" s="919">
        <v>-78</v>
      </c>
      <c r="K14" s="904" t="s">
        <v>70</v>
      </c>
      <c r="L14" s="904" t="s">
        <v>70</v>
      </c>
      <c r="M14" s="904" t="s">
        <v>70</v>
      </c>
      <c r="N14" s="968">
        <v>237</v>
      </c>
      <c r="O14" s="918">
        <v>159</v>
      </c>
      <c r="P14" s="918">
        <v>78</v>
      </c>
      <c r="Q14" s="918">
        <v>-1811</v>
      </c>
      <c r="R14" s="904">
        <v>-1101</v>
      </c>
      <c r="S14" s="919">
        <v>-710</v>
      </c>
      <c r="T14" s="918">
        <v>9147</v>
      </c>
      <c r="U14" s="904">
        <v>5266</v>
      </c>
      <c r="V14" s="968">
        <v>3881</v>
      </c>
      <c r="W14" s="918">
        <v>10958</v>
      </c>
      <c r="X14" s="904">
        <v>6367</v>
      </c>
      <c r="Y14" s="968">
        <v>4591</v>
      </c>
    </row>
    <row r="15" spans="1:25" ht="20.25" customHeight="1">
      <c r="A15" s="1145"/>
      <c r="B15" s="341">
        <v>221086</v>
      </c>
      <c r="C15" s="343" t="s">
        <v>640</v>
      </c>
      <c r="D15" s="1147"/>
      <c r="E15" s="916">
        <v>-1620</v>
      </c>
      <c r="F15" s="903">
        <v>-932</v>
      </c>
      <c r="G15" s="969">
        <v>-688</v>
      </c>
      <c r="H15" s="916">
        <v>-595</v>
      </c>
      <c r="I15" s="903">
        <v>-404</v>
      </c>
      <c r="J15" s="917">
        <v>-191</v>
      </c>
      <c r="K15" s="916" t="s">
        <v>70</v>
      </c>
      <c r="L15" s="903" t="s">
        <v>70</v>
      </c>
      <c r="M15" s="903" t="s">
        <v>70</v>
      </c>
      <c r="N15" s="969">
        <v>595</v>
      </c>
      <c r="O15" s="916">
        <v>404</v>
      </c>
      <c r="P15" s="916">
        <v>191</v>
      </c>
      <c r="Q15" s="916">
        <v>-1025</v>
      </c>
      <c r="R15" s="903">
        <v>-528</v>
      </c>
      <c r="S15" s="917">
        <v>-497</v>
      </c>
      <c r="T15" s="916">
        <v>5544</v>
      </c>
      <c r="U15" s="903">
        <v>3258</v>
      </c>
      <c r="V15" s="969">
        <v>2286</v>
      </c>
      <c r="W15" s="916">
        <v>6569</v>
      </c>
      <c r="X15" s="903">
        <v>3786</v>
      </c>
      <c r="Y15" s="969">
        <v>2783</v>
      </c>
    </row>
    <row r="16" spans="1:25" ht="20.25" customHeight="1">
      <c r="A16" s="1145"/>
      <c r="B16" s="341">
        <v>141961</v>
      </c>
      <c r="C16" s="343" t="s">
        <v>667</v>
      </c>
      <c r="D16" s="1147"/>
      <c r="E16" s="916">
        <v>-2024</v>
      </c>
      <c r="F16" s="903">
        <v>-1371</v>
      </c>
      <c r="G16" s="969">
        <v>-653</v>
      </c>
      <c r="H16" s="916">
        <v>-1048</v>
      </c>
      <c r="I16" s="903">
        <v>-755</v>
      </c>
      <c r="J16" s="917">
        <v>-293</v>
      </c>
      <c r="K16" s="916" t="s">
        <v>70</v>
      </c>
      <c r="L16" s="903" t="s">
        <v>70</v>
      </c>
      <c r="M16" s="903" t="s">
        <v>70</v>
      </c>
      <c r="N16" s="969">
        <v>1048</v>
      </c>
      <c r="O16" s="916">
        <v>755</v>
      </c>
      <c r="P16" s="916">
        <v>293</v>
      </c>
      <c r="Q16" s="916">
        <v>-976</v>
      </c>
      <c r="R16" s="903">
        <v>-616</v>
      </c>
      <c r="S16" s="917">
        <v>-360</v>
      </c>
      <c r="T16" s="916">
        <v>2438</v>
      </c>
      <c r="U16" s="903">
        <v>1437</v>
      </c>
      <c r="V16" s="969">
        <v>1001</v>
      </c>
      <c r="W16" s="916">
        <v>3414</v>
      </c>
      <c r="X16" s="903">
        <v>2053</v>
      </c>
      <c r="Y16" s="969">
        <v>1361</v>
      </c>
    </row>
    <row r="17" spans="1:25" ht="20.25" customHeight="1">
      <c r="A17" s="1145"/>
      <c r="B17" s="341">
        <v>137877</v>
      </c>
      <c r="C17" s="343" t="s">
        <v>650</v>
      </c>
      <c r="D17" s="1147"/>
      <c r="E17" s="916">
        <v>-2947</v>
      </c>
      <c r="F17" s="903">
        <v>-1956</v>
      </c>
      <c r="G17" s="969">
        <v>-991</v>
      </c>
      <c r="H17" s="916">
        <v>-2646</v>
      </c>
      <c r="I17" s="903">
        <v>-1775</v>
      </c>
      <c r="J17" s="917">
        <v>-871</v>
      </c>
      <c r="K17" s="916" t="s">
        <v>70</v>
      </c>
      <c r="L17" s="903" t="s">
        <v>70</v>
      </c>
      <c r="M17" s="903" t="s">
        <v>70</v>
      </c>
      <c r="N17" s="969">
        <v>2646</v>
      </c>
      <c r="O17" s="916">
        <v>1775</v>
      </c>
      <c r="P17" s="916">
        <v>871</v>
      </c>
      <c r="Q17" s="916">
        <v>-301</v>
      </c>
      <c r="R17" s="903">
        <v>-181</v>
      </c>
      <c r="S17" s="917">
        <v>-120</v>
      </c>
      <c r="T17" s="916">
        <v>1806</v>
      </c>
      <c r="U17" s="903">
        <v>889</v>
      </c>
      <c r="V17" s="969">
        <v>917</v>
      </c>
      <c r="W17" s="916">
        <v>2107</v>
      </c>
      <c r="X17" s="903">
        <v>1070</v>
      </c>
      <c r="Y17" s="969">
        <v>1037</v>
      </c>
    </row>
    <row r="18" spans="1:25" ht="20.25" customHeight="1">
      <c r="A18" s="1145"/>
      <c r="B18" s="341">
        <v>78810</v>
      </c>
      <c r="C18" s="343" t="s">
        <v>643</v>
      </c>
      <c r="D18" s="1147"/>
      <c r="E18" s="916">
        <v>-4293</v>
      </c>
      <c r="F18" s="903">
        <v>-2449</v>
      </c>
      <c r="G18" s="969">
        <v>-1844</v>
      </c>
      <c r="H18" s="916">
        <v>-4343</v>
      </c>
      <c r="I18" s="903">
        <v>-2415</v>
      </c>
      <c r="J18" s="917">
        <v>-1928</v>
      </c>
      <c r="K18" s="916" t="s">
        <v>70</v>
      </c>
      <c r="L18" s="903" t="s">
        <v>70</v>
      </c>
      <c r="M18" s="903" t="s">
        <v>70</v>
      </c>
      <c r="N18" s="969">
        <v>4343</v>
      </c>
      <c r="O18" s="916">
        <v>2415</v>
      </c>
      <c r="P18" s="916">
        <v>1928</v>
      </c>
      <c r="Q18" s="916">
        <v>50</v>
      </c>
      <c r="R18" s="903">
        <v>-34</v>
      </c>
      <c r="S18" s="917">
        <v>84</v>
      </c>
      <c r="T18" s="916">
        <v>1410</v>
      </c>
      <c r="U18" s="903">
        <v>464</v>
      </c>
      <c r="V18" s="969">
        <v>946</v>
      </c>
      <c r="W18" s="916">
        <v>1360</v>
      </c>
      <c r="X18" s="903">
        <v>498</v>
      </c>
      <c r="Y18" s="969">
        <v>862</v>
      </c>
    </row>
    <row r="19" spans="1:25" ht="20.25" customHeight="1">
      <c r="A19" s="1145"/>
      <c r="B19" s="324">
        <v>19252</v>
      </c>
      <c r="C19" s="344" t="s">
        <v>668</v>
      </c>
      <c r="D19" s="1147"/>
      <c r="E19" s="918">
        <v>-2982</v>
      </c>
      <c r="F19" s="904">
        <v>-1086</v>
      </c>
      <c r="G19" s="968">
        <v>-1896</v>
      </c>
      <c r="H19" s="918">
        <v>-3054</v>
      </c>
      <c r="I19" s="904">
        <v>-1101</v>
      </c>
      <c r="J19" s="919">
        <v>-1953</v>
      </c>
      <c r="K19" s="918" t="s">
        <v>70</v>
      </c>
      <c r="L19" s="904" t="s">
        <v>70</v>
      </c>
      <c r="M19" s="904" t="s">
        <v>70</v>
      </c>
      <c r="N19" s="968">
        <v>3054</v>
      </c>
      <c r="O19" s="918">
        <v>1101</v>
      </c>
      <c r="P19" s="918">
        <v>1953</v>
      </c>
      <c r="Q19" s="918">
        <v>72</v>
      </c>
      <c r="R19" s="904">
        <v>15</v>
      </c>
      <c r="S19" s="919">
        <v>57</v>
      </c>
      <c r="T19" s="918">
        <v>454</v>
      </c>
      <c r="U19" s="904">
        <v>103</v>
      </c>
      <c r="V19" s="968">
        <v>351</v>
      </c>
      <c r="W19" s="918">
        <v>382</v>
      </c>
      <c r="X19" s="904">
        <v>88</v>
      </c>
      <c r="Y19" s="968">
        <v>294</v>
      </c>
    </row>
    <row r="20" spans="1:25" ht="20.25" customHeight="1" thickBot="1">
      <c r="A20" s="1146"/>
      <c r="B20" s="979">
        <v>688</v>
      </c>
      <c r="C20" s="251" t="s">
        <v>669</v>
      </c>
      <c r="D20" s="980"/>
      <c r="E20" s="927">
        <v>-314</v>
      </c>
      <c r="F20" s="928">
        <v>-47</v>
      </c>
      <c r="G20" s="981">
        <v>-267</v>
      </c>
      <c r="H20" s="928">
        <v>-319</v>
      </c>
      <c r="I20" s="928">
        <v>-46</v>
      </c>
      <c r="J20" s="982">
        <v>-273</v>
      </c>
      <c r="K20" s="927" t="s">
        <v>70</v>
      </c>
      <c r="L20" s="928" t="s">
        <v>70</v>
      </c>
      <c r="M20" s="928" t="s">
        <v>70</v>
      </c>
      <c r="N20" s="981">
        <v>319</v>
      </c>
      <c r="O20" s="927">
        <v>46</v>
      </c>
      <c r="P20" s="927">
        <v>273</v>
      </c>
      <c r="Q20" s="927">
        <v>5</v>
      </c>
      <c r="R20" s="928">
        <v>-1</v>
      </c>
      <c r="S20" s="982">
        <v>6</v>
      </c>
      <c r="T20" s="927">
        <v>15</v>
      </c>
      <c r="U20" s="928">
        <v>1</v>
      </c>
      <c r="V20" s="981">
        <v>14</v>
      </c>
      <c r="W20" s="927">
        <v>10</v>
      </c>
      <c r="X20" s="928">
        <v>2</v>
      </c>
      <c r="Y20" s="981">
        <v>8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1538133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670</v>
      </c>
      <c r="B24" s="341">
        <v>127049</v>
      </c>
      <c r="C24" s="342" t="s">
        <v>671</v>
      </c>
      <c r="D24" s="335" t="s">
        <v>672</v>
      </c>
      <c r="E24" s="916"/>
      <c r="F24" s="903"/>
      <c r="G24" s="969"/>
      <c r="H24" s="916"/>
      <c r="I24" s="903"/>
      <c r="J24" s="917"/>
      <c r="K24" s="916"/>
      <c r="L24" s="916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124951</v>
      </c>
      <c r="C25" s="343" t="s">
        <v>673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193213</v>
      </c>
      <c r="C26" s="343" t="s">
        <v>636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213205</v>
      </c>
      <c r="C27" s="343" t="s">
        <v>647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245347</v>
      </c>
      <c r="C28" s="344" t="s">
        <v>648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213558</v>
      </c>
      <c r="C29" s="343" t="s">
        <v>674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141908</v>
      </c>
      <c r="C30" s="343" t="s">
        <v>649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138261</v>
      </c>
      <c r="C31" s="343" t="s">
        <v>675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75774</v>
      </c>
      <c r="C32" s="343" t="s">
        <v>643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17886</v>
      </c>
      <c r="C33" s="344" t="s">
        <v>676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631</v>
      </c>
      <c r="C34" s="251" t="s">
        <v>677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678</v>
      </c>
      <c r="B36" s="973">
        <v>692</v>
      </c>
      <c r="C36" s="334" t="s">
        <v>191</v>
      </c>
      <c r="D36" s="339" t="s">
        <v>679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680</v>
      </c>
      <c r="B37" s="974"/>
      <c r="C37" s="315"/>
      <c r="D37" s="339" t="s">
        <v>681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670</v>
      </c>
      <c r="B38" s="975">
        <v>-2925</v>
      </c>
      <c r="C38" s="342" t="s">
        <v>671</v>
      </c>
      <c r="D38" s="339" t="s">
        <v>661</v>
      </c>
      <c r="E38" s="916"/>
      <c r="F38" s="903"/>
      <c r="G38" s="969"/>
      <c r="H38" s="916"/>
      <c r="I38" s="903"/>
      <c r="J38" s="917"/>
      <c r="K38" s="916"/>
      <c r="L38" s="916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1277</v>
      </c>
      <c r="C39" s="343" t="s">
        <v>682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3729</v>
      </c>
      <c r="C40" s="343" t="s">
        <v>658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4363</v>
      </c>
      <c r="C41" s="343" t="s">
        <v>683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6128</v>
      </c>
      <c r="C42" s="344" t="s">
        <v>648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7528</v>
      </c>
      <c r="C43" s="343" t="s">
        <v>640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53</v>
      </c>
      <c r="C44" s="343" t="s">
        <v>684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384</v>
      </c>
      <c r="C45" s="343" t="s">
        <v>685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3036</v>
      </c>
      <c r="C46" s="343" t="s">
        <v>643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1366</v>
      </c>
      <c r="C47" s="344" t="s">
        <v>686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57</v>
      </c>
      <c r="C48" s="251" t="s">
        <v>443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959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960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687</v>
      </c>
      <c r="C1" s="303"/>
      <c r="D1" s="303"/>
      <c r="E1" s="303"/>
      <c r="F1" s="303"/>
      <c r="G1" s="303"/>
      <c r="R1" s="303"/>
      <c r="T1" s="303"/>
      <c r="X1" s="304"/>
      <c r="Y1" s="521" t="s">
        <v>688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502</v>
      </c>
      <c r="L5" s="1141"/>
      <c r="M5" s="1142"/>
      <c r="N5" s="1141" t="s">
        <v>689</v>
      </c>
      <c r="O5" s="1141"/>
      <c r="P5" s="1141"/>
      <c r="Q5" s="1140" t="s">
        <v>690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691</v>
      </c>
      <c r="L6" s="530" t="s">
        <v>508</v>
      </c>
      <c r="M6" s="530" t="s">
        <v>509</v>
      </c>
      <c r="N6" s="929" t="s">
        <v>691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685839</v>
      </c>
      <c r="C8" s="334" t="s">
        <v>191</v>
      </c>
      <c r="D8" s="335"/>
      <c r="E8" s="964">
        <v>-4919</v>
      </c>
      <c r="F8" s="965">
        <v>-2658</v>
      </c>
      <c r="G8" s="966">
        <v>-2261</v>
      </c>
      <c r="H8" s="964">
        <v>-5686</v>
      </c>
      <c r="I8" s="965">
        <v>-2916</v>
      </c>
      <c r="J8" s="967">
        <v>-2770</v>
      </c>
      <c r="K8" s="964">
        <v>3404</v>
      </c>
      <c r="L8" s="965">
        <v>1792</v>
      </c>
      <c r="M8" s="965">
        <v>1612</v>
      </c>
      <c r="N8" s="966">
        <v>9090</v>
      </c>
      <c r="O8" s="964">
        <v>4708</v>
      </c>
      <c r="P8" s="964">
        <v>4382</v>
      </c>
      <c r="Q8" s="964">
        <v>767</v>
      </c>
      <c r="R8" s="965">
        <v>258</v>
      </c>
      <c r="S8" s="967">
        <v>509</v>
      </c>
      <c r="T8" s="966">
        <v>26923</v>
      </c>
      <c r="U8" s="964">
        <v>15018</v>
      </c>
      <c r="V8" s="964">
        <v>11905</v>
      </c>
      <c r="W8" s="964">
        <v>26156</v>
      </c>
      <c r="X8" s="964">
        <v>14760</v>
      </c>
      <c r="Y8" s="964">
        <v>11396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56</v>
      </c>
      <c r="B10" s="341">
        <v>43953</v>
      </c>
      <c r="C10" s="342" t="s">
        <v>692</v>
      </c>
      <c r="D10" s="335" t="s">
        <v>634</v>
      </c>
      <c r="E10" s="916">
        <v>4043</v>
      </c>
      <c r="F10" s="903">
        <v>2093</v>
      </c>
      <c r="G10" s="969">
        <v>1950</v>
      </c>
      <c r="H10" s="916">
        <v>3397</v>
      </c>
      <c r="I10" s="903">
        <v>1788</v>
      </c>
      <c r="J10" s="917">
        <v>1609</v>
      </c>
      <c r="K10" s="916">
        <v>3404</v>
      </c>
      <c r="L10" s="916">
        <v>1792</v>
      </c>
      <c r="M10" s="903">
        <v>1612</v>
      </c>
      <c r="N10" s="969">
        <v>7</v>
      </c>
      <c r="O10" s="916">
        <v>4</v>
      </c>
      <c r="P10" s="916">
        <v>3</v>
      </c>
      <c r="Q10" s="916">
        <v>646</v>
      </c>
      <c r="R10" s="903">
        <v>305</v>
      </c>
      <c r="S10" s="917">
        <v>341</v>
      </c>
      <c r="T10" s="916">
        <v>2388</v>
      </c>
      <c r="U10" s="903">
        <v>1220</v>
      </c>
      <c r="V10" s="969">
        <v>1168</v>
      </c>
      <c r="W10" s="916">
        <v>1742</v>
      </c>
      <c r="X10" s="903">
        <v>915</v>
      </c>
      <c r="Y10" s="969">
        <v>827</v>
      </c>
    </row>
    <row r="11" spans="1:25" ht="20.25" customHeight="1">
      <c r="A11" s="338"/>
      <c r="B11" s="341">
        <v>59350</v>
      </c>
      <c r="C11" s="343" t="s">
        <v>693</v>
      </c>
      <c r="D11" s="538"/>
      <c r="E11" s="916">
        <v>567</v>
      </c>
      <c r="F11" s="903">
        <v>474</v>
      </c>
      <c r="G11" s="969">
        <v>93</v>
      </c>
      <c r="H11" s="916">
        <v>-11</v>
      </c>
      <c r="I11" s="903">
        <v>-9</v>
      </c>
      <c r="J11" s="917">
        <v>-2</v>
      </c>
      <c r="K11" s="916" t="s">
        <v>70</v>
      </c>
      <c r="L11" s="903" t="s">
        <v>70</v>
      </c>
      <c r="M11" s="903" t="s">
        <v>70</v>
      </c>
      <c r="N11" s="969">
        <v>11</v>
      </c>
      <c r="O11" s="916">
        <v>9</v>
      </c>
      <c r="P11" s="916">
        <v>2</v>
      </c>
      <c r="Q11" s="916">
        <v>578</v>
      </c>
      <c r="R11" s="903">
        <v>483</v>
      </c>
      <c r="S11" s="917">
        <v>95</v>
      </c>
      <c r="T11" s="916">
        <v>3157</v>
      </c>
      <c r="U11" s="903">
        <v>2334</v>
      </c>
      <c r="V11" s="969">
        <v>823</v>
      </c>
      <c r="W11" s="916">
        <v>2579</v>
      </c>
      <c r="X11" s="903">
        <v>1851</v>
      </c>
      <c r="Y11" s="969">
        <v>728</v>
      </c>
    </row>
    <row r="12" spans="1:25" ht="20.25" customHeight="1">
      <c r="A12" s="1145" t="s">
        <v>421</v>
      </c>
      <c r="B12" s="341">
        <v>57830</v>
      </c>
      <c r="C12" s="343" t="s">
        <v>694</v>
      </c>
      <c r="D12" s="1147" t="s">
        <v>637</v>
      </c>
      <c r="E12" s="916">
        <v>-2029</v>
      </c>
      <c r="F12" s="903">
        <v>-1303</v>
      </c>
      <c r="G12" s="969">
        <v>-726</v>
      </c>
      <c r="H12" s="916">
        <v>-15</v>
      </c>
      <c r="I12" s="903">
        <v>-10</v>
      </c>
      <c r="J12" s="917">
        <v>-5</v>
      </c>
      <c r="K12" s="916" t="s">
        <v>70</v>
      </c>
      <c r="L12" s="903" t="s">
        <v>70</v>
      </c>
      <c r="M12" s="903" t="s">
        <v>70</v>
      </c>
      <c r="N12" s="969">
        <v>15</v>
      </c>
      <c r="O12" s="916">
        <v>10</v>
      </c>
      <c r="P12" s="916">
        <v>5</v>
      </c>
      <c r="Q12" s="916">
        <v>-2014</v>
      </c>
      <c r="R12" s="903">
        <v>-1293</v>
      </c>
      <c r="S12" s="917">
        <v>-721</v>
      </c>
      <c r="T12" s="916">
        <v>7662</v>
      </c>
      <c r="U12" s="903">
        <v>4340</v>
      </c>
      <c r="V12" s="969">
        <v>3322</v>
      </c>
      <c r="W12" s="916">
        <v>9676</v>
      </c>
      <c r="X12" s="903">
        <v>5633</v>
      </c>
      <c r="Y12" s="969">
        <v>4043</v>
      </c>
    </row>
    <row r="13" spans="1:25" ht="20.25" customHeight="1">
      <c r="A13" s="1145"/>
      <c r="B13" s="341">
        <v>61114</v>
      </c>
      <c r="C13" s="343" t="s">
        <v>695</v>
      </c>
      <c r="D13" s="1147"/>
      <c r="E13" s="916">
        <v>698</v>
      </c>
      <c r="F13" s="903">
        <v>259</v>
      </c>
      <c r="G13" s="969">
        <v>439</v>
      </c>
      <c r="H13" s="916">
        <v>-28</v>
      </c>
      <c r="I13" s="903">
        <v>-16</v>
      </c>
      <c r="J13" s="917">
        <v>-12</v>
      </c>
      <c r="K13" s="916" t="s">
        <v>70</v>
      </c>
      <c r="L13" s="903" t="s">
        <v>70</v>
      </c>
      <c r="M13" s="903" t="s">
        <v>70</v>
      </c>
      <c r="N13" s="969">
        <v>28</v>
      </c>
      <c r="O13" s="916">
        <v>16</v>
      </c>
      <c r="P13" s="916">
        <v>12</v>
      </c>
      <c r="Q13" s="916">
        <v>726</v>
      </c>
      <c r="R13" s="903">
        <v>275</v>
      </c>
      <c r="S13" s="917">
        <v>451</v>
      </c>
      <c r="T13" s="916">
        <v>5644</v>
      </c>
      <c r="U13" s="903">
        <v>2951</v>
      </c>
      <c r="V13" s="969">
        <v>2693</v>
      </c>
      <c r="W13" s="916">
        <v>4918</v>
      </c>
      <c r="X13" s="903">
        <v>2676</v>
      </c>
      <c r="Y13" s="969">
        <v>2242</v>
      </c>
    </row>
    <row r="14" spans="1:25" ht="20.25" customHeight="1">
      <c r="A14" s="1145"/>
      <c r="B14" s="324">
        <v>95311</v>
      </c>
      <c r="C14" s="344" t="s">
        <v>696</v>
      </c>
      <c r="D14" s="1147"/>
      <c r="E14" s="918">
        <v>465</v>
      </c>
      <c r="F14" s="904">
        <v>260</v>
      </c>
      <c r="G14" s="968">
        <v>205</v>
      </c>
      <c r="H14" s="904">
        <v>-116</v>
      </c>
      <c r="I14" s="904">
        <v>-70</v>
      </c>
      <c r="J14" s="919">
        <v>-46</v>
      </c>
      <c r="K14" s="904" t="s">
        <v>70</v>
      </c>
      <c r="L14" s="904" t="s">
        <v>70</v>
      </c>
      <c r="M14" s="904" t="s">
        <v>70</v>
      </c>
      <c r="N14" s="968">
        <v>116</v>
      </c>
      <c r="O14" s="918">
        <v>70</v>
      </c>
      <c r="P14" s="918">
        <v>46</v>
      </c>
      <c r="Q14" s="918">
        <v>581</v>
      </c>
      <c r="R14" s="904">
        <v>330</v>
      </c>
      <c r="S14" s="919">
        <v>251</v>
      </c>
      <c r="T14" s="918">
        <v>3399</v>
      </c>
      <c r="U14" s="904">
        <v>1867</v>
      </c>
      <c r="V14" s="968">
        <v>1532</v>
      </c>
      <c r="W14" s="918">
        <v>2818</v>
      </c>
      <c r="X14" s="904">
        <v>1537</v>
      </c>
      <c r="Y14" s="968">
        <v>1281</v>
      </c>
    </row>
    <row r="15" spans="1:25" ht="20.25" customHeight="1">
      <c r="A15" s="1145"/>
      <c r="B15" s="341">
        <v>101897</v>
      </c>
      <c r="C15" s="343" t="s">
        <v>640</v>
      </c>
      <c r="D15" s="1147"/>
      <c r="E15" s="916">
        <v>-47</v>
      </c>
      <c r="F15" s="903">
        <v>-80</v>
      </c>
      <c r="G15" s="969">
        <v>33</v>
      </c>
      <c r="H15" s="916">
        <v>-303</v>
      </c>
      <c r="I15" s="903">
        <v>-219</v>
      </c>
      <c r="J15" s="917">
        <v>-84</v>
      </c>
      <c r="K15" s="916" t="s">
        <v>70</v>
      </c>
      <c r="L15" s="903" t="s">
        <v>70</v>
      </c>
      <c r="M15" s="903" t="s">
        <v>70</v>
      </c>
      <c r="N15" s="969">
        <v>303</v>
      </c>
      <c r="O15" s="916">
        <v>219</v>
      </c>
      <c r="P15" s="916">
        <v>84</v>
      </c>
      <c r="Q15" s="916">
        <v>256</v>
      </c>
      <c r="R15" s="903">
        <v>139</v>
      </c>
      <c r="S15" s="917">
        <v>117</v>
      </c>
      <c r="T15" s="916">
        <v>2132</v>
      </c>
      <c r="U15" s="903">
        <v>1154</v>
      </c>
      <c r="V15" s="969">
        <v>978</v>
      </c>
      <c r="W15" s="916">
        <v>1876</v>
      </c>
      <c r="X15" s="903">
        <v>1015</v>
      </c>
      <c r="Y15" s="969">
        <v>861</v>
      </c>
    </row>
    <row r="16" spans="1:25" ht="20.25" customHeight="1">
      <c r="A16" s="1145"/>
      <c r="B16" s="341">
        <v>81473</v>
      </c>
      <c r="C16" s="343" t="s">
        <v>649</v>
      </c>
      <c r="D16" s="1147"/>
      <c r="E16" s="916">
        <v>-490</v>
      </c>
      <c r="F16" s="903">
        <v>-345</v>
      </c>
      <c r="G16" s="969">
        <v>-145</v>
      </c>
      <c r="H16" s="916">
        <v>-607</v>
      </c>
      <c r="I16" s="903">
        <v>-408</v>
      </c>
      <c r="J16" s="917">
        <v>-199</v>
      </c>
      <c r="K16" s="916" t="s">
        <v>70</v>
      </c>
      <c r="L16" s="903" t="s">
        <v>70</v>
      </c>
      <c r="M16" s="903" t="s">
        <v>70</v>
      </c>
      <c r="N16" s="969">
        <v>607</v>
      </c>
      <c r="O16" s="916">
        <v>408</v>
      </c>
      <c r="P16" s="916">
        <v>199</v>
      </c>
      <c r="Q16" s="916">
        <v>117</v>
      </c>
      <c r="R16" s="903">
        <v>63</v>
      </c>
      <c r="S16" s="917">
        <v>54</v>
      </c>
      <c r="T16" s="916">
        <v>1097</v>
      </c>
      <c r="U16" s="903">
        <v>609</v>
      </c>
      <c r="V16" s="969">
        <v>488</v>
      </c>
      <c r="W16" s="916">
        <v>980</v>
      </c>
      <c r="X16" s="903">
        <v>546</v>
      </c>
      <c r="Y16" s="969">
        <v>434</v>
      </c>
    </row>
    <row r="17" spans="1:25" ht="20.25" customHeight="1">
      <c r="A17" s="1145"/>
      <c r="B17" s="341">
        <v>102072</v>
      </c>
      <c r="C17" s="343" t="s">
        <v>697</v>
      </c>
      <c r="D17" s="1147"/>
      <c r="E17" s="916">
        <v>-1862</v>
      </c>
      <c r="F17" s="903">
        <v>-1213</v>
      </c>
      <c r="G17" s="969">
        <v>-649</v>
      </c>
      <c r="H17" s="916">
        <v>-1829</v>
      </c>
      <c r="I17" s="903">
        <v>-1193</v>
      </c>
      <c r="J17" s="917">
        <v>-636</v>
      </c>
      <c r="K17" s="916" t="s">
        <v>70</v>
      </c>
      <c r="L17" s="903" t="s">
        <v>70</v>
      </c>
      <c r="M17" s="903" t="s">
        <v>70</v>
      </c>
      <c r="N17" s="969">
        <v>1829</v>
      </c>
      <c r="O17" s="916">
        <v>1193</v>
      </c>
      <c r="P17" s="916">
        <v>636</v>
      </c>
      <c r="Q17" s="916">
        <v>-33</v>
      </c>
      <c r="R17" s="903">
        <v>-20</v>
      </c>
      <c r="S17" s="917">
        <v>-13</v>
      </c>
      <c r="T17" s="916">
        <v>707</v>
      </c>
      <c r="U17" s="903">
        <v>312</v>
      </c>
      <c r="V17" s="969">
        <v>395</v>
      </c>
      <c r="W17" s="916">
        <v>740</v>
      </c>
      <c r="X17" s="903">
        <v>332</v>
      </c>
      <c r="Y17" s="969">
        <v>408</v>
      </c>
    </row>
    <row r="18" spans="1:25" ht="20.25" customHeight="1">
      <c r="A18" s="1145"/>
      <c r="B18" s="341">
        <v>63136</v>
      </c>
      <c r="C18" s="343" t="s">
        <v>698</v>
      </c>
      <c r="D18" s="1147"/>
      <c r="E18" s="916">
        <v>-3454</v>
      </c>
      <c r="F18" s="903">
        <v>-1873</v>
      </c>
      <c r="G18" s="969">
        <v>-1581</v>
      </c>
      <c r="H18" s="916">
        <v>-3366</v>
      </c>
      <c r="I18" s="903">
        <v>-1843</v>
      </c>
      <c r="J18" s="917">
        <v>-1523</v>
      </c>
      <c r="K18" s="916" t="s">
        <v>70</v>
      </c>
      <c r="L18" s="903" t="s">
        <v>70</v>
      </c>
      <c r="M18" s="903" t="s">
        <v>70</v>
      </c>
      <c r="N18" s="969">
        <v>3366</v>
      </c>
      <c r="O18" s="916">
        <v>1843</v>
      </c>
      <c r="P18" s="916">
        <v>1523</v>
      </c>
      <c r="Q18" s="916">
        <v>-88</v>
      </c>
      <c r="R18" s="903">
        <v>-30</v>
      </c>
      <c r="S18" s="917">
        <v>-58</v>
      </c>
      <c r="T18" s="916">
        <v>534</v>
      </c>
      <c r="U18" s="903">
        <v>178</v>
      </c>
      <c r="V18" s="969">
        <v>356</v>
      </c>
      <c r="W18" s="916">
        <v>622</v>
      </c>
      <c r="X18" s="903">
        <v>208</v>
      </c>
      <c r="Y18" s="969">
        <v>414</v>
      </c>
    </row>
    <row r="19" spans="1:25" ht="20.25" customHeight="1">
      <c r="A19" s="1145"/>
      <c r="B19" s="324">
        <v>15302</v>
      </c>
      <c r="C19" s="344" t="s">
        <v>676</v>
      </c>
      <c r="D19" s="1147"/>
      <c r="E19" s="918">
        <v>-2580</v>
      </c>
      <c r="F19" s="904">
        <v>-898</v>
      </c>
      <c r="G19" s="968">
        <v>-1682</v>
      </c>
      <c r="H19" s="918">
        <v>-2574</v>
      </c>
      <c r="I19" s="904">
        <v>-904</v>
      </c>
      <c r="J19" s="919">
        <v>-1670</v>
      </c>
      <c r="K19" s="918" t="s">
        <v>70</v>
      </c>
      <c r="L19" s="904" t="s">
        <v>70</v>
      </c>
      <c r="M19" s="904" t="s">
        <v>70</v>
      </c>
      <c r="N19" s="968">
        <v>2574</v>
      </c>
      <c r="O19" s="918">
        <v>904</v>
      </c>
      <c r="P19" s="918">
        <v>1670</v>
      </c>
      <c r="Q19" s="918">
        <v>-6</v>
      </c>
      <c r="R19" s="904">
        <v>6</v>
      </c>
      <c r="S19" s="919">
        <v>-12</v>
      </c>
      <c r="T19" s="918">
        <v>198</v>
      </c>
      <c r="U19" s="904">
        <v>52</v>
      </c>
      <c r="V19" s="968">
        <v>146</v>
      </c>
      <c r="W19" s="918">
        <v>204</v>
      </c>
      <c r="X19" s="904">
        <v>46</v>
      </c>
      <c r="Y19" s="968">
        <v>158</v>
      </c>
    </row>
    <row r="20" spans="1:25" ht="20.25" customHeight="1" thickBot="1">
      <c r="A20" s="1146"/>
      <c r="B20" s="979">
        <v>586</v>
      </c>
      <c r="C20" s="251" t="s">
        <v>699</v>
      </c>
      <c r="D20" s="980"/>
      <c r="E20" s="927">
        <v>-230</v>
      </c>
      <c r="F20" s="928">
        <v>-32</v>
      </c>
      <c r="G20" s="981">
        <v>-198</v>
      </c>
      <c r="H20" s="928">
        <v>-234</v>
      </c>
      <c r="I20" s="928">
        <v>-32</v>
      </c>
      <c r="J20" s="982">
        <v>-202</v>
      </c>
      <c r="K20" s="927" t="s">
        <v>70</v>
      </c>
      <c r="L20" s="928" t="s">
        <v>70</v>
      </c>
      <c r="M20" s="928" t="s">
        <v>70</v>
      </c>
      <c r="N20" s="981">
        <v>234</v>
      </c>
      <c r="O20" s="927">
        <v>32</v>
      </c>
      <c r="P20" s="927">
        <v>202</v>
      </c>
      <c r="Q20" s="927">
        <v>4</v>
      </c>
      <c r="R20" s="928">
        <v>0</v>
      </c>
      <c r="S20" s="982">
        <v>4</v>
      </c>
      <c r="T20" s="927">
        <v>5</v>
      </c>
      <c r="U20" s="928">
        <v>1</v>
      </c>
      <c r="V20" s="981">
        <v>4</v>
      </c>
      <c r="W20" s="927">
        <v>1</v>
      </c>
      <c r="X20" s="928">
        <v>1</v>
      </c>
      <c r="Y20" s="981">
        <v>0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690758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700</v>
      </c>
      <c r="B24" s="341">
        <v>45287</v>
      </c>
      <c r="C24" s="342" t="s">
        <v>701</v>
      </c>
      <c r="D24" s="335" t="s">
        <v>700</v>
      </c>
      <c r="E24" s="916"/>
      <c r="F24" s="903"/>
      <c r="G24" s="969"/>
      <c r="H24" s="916"/>
      <c r="I24" s="903"/>
      <c r="J24" s="917"/>
      <c r="K24" s="916"/>
      <c r="L24" s="916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60376</v>
      </c>
      <c r="C25" s="343" t="s">
        <v>702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58054</v>
      </c>
      <c r="C26" s="343" t="s">
        <v>703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62551</v>
      </c>
      <c r="C27" s="343" t="s">
        <v>704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99297</v>
      </c>
      <c r="C28" s="344" t="s">
        <v>705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98626</v>
      </c>
      <c r="C29" s="343" t="s">
        <v>706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83260</v>
      </c>
      <c r="C30" s="343" t="s">
        <v>707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103848</v>
      </c>
      <c r="C31" s="343" t="s">
        <v>708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60662</v>
      </c>
      <c r="C32" s="343" t="s">
        <v>709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14463</v>
      </c>
      <c r="C33" s="344" t="s">
        <v>710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519</v>
      </c>
      <c r="C34" s="251" t="s">
        <v>711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712</v>
      </c>
      <c r="B36" s="973">
        <v>-4919</v>
      </c>
      <c r="C36" s="334" t="s">
        <v>191</v>
      </c>
      <c r="D36" s="339" t="s">
        <v>712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713</v>
      </c>
      <c r="B37" s="974"/>
      <c r="C37" s="315"/>
      <c r="D37" s="339" t="s">
        <v>713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700</v>
      </c>
      <c r="B38" s="975">
        <v>-1334</v>
      </c>
      <c r="C38" s="342" t="s">
        <v>701</v>
      </c>
      <c r="D38" s="339" t="s">
        <v>700</v>
      </c>
      <c r="E38" s="916"/>
      <c r="F38" s="903"/>
      <c r="G38" s="969"/>
      <c r="H38" s="916"/>
      <c r="I38" s="903"/>
      <c r="J38" s="917"/>
      <c r="K38" s="916"/>
      <c r="L38" s="916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1026</v>
      </c>
      <c r="C39" s="343" t="s">
        <v>702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-224</v>
      </c>
      <c r="C40" s="343" t="s">
        <v>703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1437</v>
      </c>
      <c r="C41" s="343" t="s">
        <v>704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3986</v>
      </c>
      <c r="C42" s="344" t="s">
        <v>705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3271</v>
      </c>
      <c r="C43" s="343" t="s">
        <v>640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1787</v>
      </c>
      <c r="C44" s="343" t="s">
        <v>649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1776</v>
      </c>
      <c r="C45" s="343" t="s">
        <v>650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2474</v>
      </c>
      <c r="C46" s="343" t="s">
        <v>643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839</v>
      </c>
      <c r="C47" s="344" t="s">
        <v>644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67</v>
      </c>
      <c r="C48" s="251" t="s">
        <v>443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959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465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714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715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716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502</v>
      </c>
      <c r="L5" s="1141"/>
      <c r="M5" s="1142"/>
      <c r="N5" s="1141" t="s">
        <v>717</v>
      </c>
      <c r="O5" s="1141"/>
      <c r="P5" s="1141"/>
      <c r="Q5" s="1140" t="s">
        <v>546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548</v>
      </c>
      <c r="L6" s="530" t="s">
        <v>508</v>
      </c>
      <c r="M6" s="530" t="s">
        <v>509</v>
      </c>
      <c r="N6" s="929" t="s">
        <v>548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1586768</v>
      </c>
      <c r="C8" s="334" t="s">
        <v>191</v>
      </c>
      <c r="D8" s="335"/>
      <c r="E8" s="964">
        <v>2129</v>
      </c>
      <c r="F8" s="965">
        <v>-86</v>
      </c>
      <c r="G8" s="966">
        <v>2215</v>
      </c>
      <c r="H8" s="964">
        <v>-4997</v>
      </c>
      <c r="I8" s="965">
        <v>-3238</v>
      </c>
      <c r="J8" s="967">
        <v>-1759</v>
      </c>
      <c r="K8" s="964">
        <v>10274</v>
      </c>
      <c r="L8" s="965">
        <v>5227</v>
      </c>
      <c r="M8" s="965">
        <v>5047</v>
      </c>
      <c r="N8" s="966">
        <v>15271</v>
      </c>
      <c r="O8" s="964">
        <v>8465</v>
      </c>
      <c r="P8" s="964">
        <v>6806</v>
      </c>
      <c r="Q8" s="964">
        <v>7126</v>
      </c>
      <c r="R8" s="965">
        <v>3152</v>
      </c>
      <c r="S8" s="967">
        <v>3974</v>
      </c>
      <c r="T8" s="966">
        <v>76182</v>
      </c>
      <c r="U8" s="964">
        <v>41156</v>
      </c>
      <c r="V8" s="964">
        <v>35026</v>
      </c>
      <c r="W8" s="964">
        <v>69056</v>
      </c>
      <c r="X8" s="964">
        <v>38004</v>
      </c>
      <c r="Y8" s="964">
        <v>31052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32</v>
      </c>
      <c r="B10" s="341">
        <v>115773</v>
      </c>
      <c r="C10" s="342" t="s">
        <v>692</v>
      </c>
      <c r="D10" s="335" t="s">
        <v>634</v>
      </c>
      <c r="E10" s="916">
        <v>10720</v>
      </c>
      <c r="F10" s="903">
        <v>5417</v>
      </c>
      <c r="G10" s="969">
        <v>5303</v>
      </c>
      <c r="H10" s="916">
        <v>10247</v>
      </c>
      <c r="I10" s="903">
        <v>5215</v>
      </c>
      <c r="J10" s="917">
        <v>5032</v>
      </c>
      <c r="K10" s="916">
        <v>10274</v>
      </c>
      <c r="L10" s="916">
        <v>5227</v>
      </c>
      <c r="M10" s="903">
        <v>5047</v>
      </c>
      <c r="N10" s="969">
        <v>27</v>
      </c>
      <c r="O10" s="916">
        <v>12</v>
      </c>
      <c r="P10" s="916">
        <v>15</v>
      </c>
      <c r="Q10" s="916">
        <v>473</v>
      </c>
      <c r="R10" s="903">
        <v>202</v>
      </c>
      <c r="S10" s="917">
        <v>271</v>
      </c>
      <c r="T10" s="916">
        <v>5703</v>
      </c>
      <c r="U10" s="903">
        <v>2917</v>
      </c>
      <c r="V10" s="969">
        <v>2786</v>
      </c>
      <c r="W10" s="916">
        <v>5230</v>
      </c>
      <c r="X10" s="903">
        <v>2715</v>
      </c>
      <c r="Y10" s="969">
        <v>2515</v>
      </c>
    </row>
    <row r="11" spans="1:25" ht="20.25" customHeight="1">
      <c r="A11" s="338"/>
      <c r="B11" s="341">
        <v>135759</v>
      </c>
      <c r="C11" s="343" t="s">
        <v>718</v>
      </c>
      <c r="D11" s="538"/>
      <c r="E11" s="916">
        <v>1097</v>
      </c>
      <c r="F11" s="903">
        <v>442</v>
      </c>
      <c r="G11" s="969">
        <v>655</v>
      </c>
      <c r="H11" s="916">
        <v>-22</v>
      </c>
      <c r="I11" s="903">
        <v>-15</v>
      </c>
      <c r="J11" s="917">
        <v>-7</v>
      </c>
      <c r="K11" s="916" t="s">
        <v>70</v>
      </c>
      <c r="L11" s="903" t="s">
        <v>70</v>
      </c>
      <c r="M11" s="903" t="s">
        <v>70</v>
      </c>
      <c r="N11" s="969">
        <v>22</v>
      </c>
      <c r="O11" s="916">
        <v>15</v>
      </c>
      <c r="P11" s="916">
        <v>7</v>
      </c>
      <c r="Q11" s="916">
        <v>1119</v>
      </c>
      <c r="R11" s="903">
        <v>457</v>
      </c>
      <c r="S11" s="917">
        <v>662</v>
      </c>
      <c r="T11" s="916">
        <v>3640</v>
      </c>
      <c r="U11" s="903">
        <v>1825</v>
      </c>
      <c r="V11" s="969">
        <v>1815</v>
      </c>
      <c r="W11" s="916">
        <v>2521</v>
      </c>
      <c r="X11" s="903">
        <v>1368</v>
      </c>
      <c r="Y11" s="969">
        <v>1153</v>
      </c>
    </row>
    <row r="12" spans="1:25" ht="20.25" customHeight="1">
      <c r="A12" s="1145" t="s">
        <v>421</v>
      </c>
      <c r="B12" s="341">
        <v>167907</v>
      </c>
      <c r="C12" s="343" t="s">
        <v>719</v>
      </c>
      <c r="D12" s="1147" t="s">
        <v>637</v>
      </c>
      <c r="E12" s="916">
        <v>2153</v>
      </c>
      <c r="F12" s="903">
        <v>960</v>
      </c>
      <c r="G12" s="969">
        <v>1193</v>
      </c>
      <c r="H12" s="916">
        <v>-55</v>
      </c>
      <c r="I12" s="903">
        <v>-35</v>
      </c>
      <c r="J12" s="917">
        <v>-20</v>
      </c>
      <c r="K12" s="916" t="s">
        <v>70</v>
      </c>
      <c r="L12" s="903" t="s">
        <v>70</v>
      </c>
      <c r="M12" s="903" t="s">
        <v>70</v>
      </c>
      <c r="N12" s="969">
        <v>55</v>
      </c>
      <c r="O12" s="916">
        <v>35</v>
      </c>
      <c r="P12" s="916">
        <v>20</v>
      </c>
      <c r="Q12" s="916">
        <v>2208</v>
      </c>
      <c r="R12" s="903">
        <v>995</v>
      </c>
      <c r="S12" s="917">
        <v>1213</v>
      </c>
      <c r="T12" s="916">
        <v>29315</v>
      </c>
      <c r="U12" s="903">
        <v>15396</v>
      </c>
      <c r="V12" s="969">
        <v>13919</v>
      </c>
      <c r="W12" s="916">
        <v>27107</v>
      </c>
      <c r="X12" s="903">
        <v>14401</v>
      </c>
      <c r="Y12" s="969">
        <v>12706</v>
      </c>
    </row>
    <row r="13" spans="1:25" ht="20.25" customHeight="1">
      <c r="A13" s="1145"/>
      <c r="B13" s="341">
        <v>173630</v>
      </c>
      <c r="C13" s="343" t="s">
        <v>647</v>
      </c>
      <c r="D13" s="1147"/>
      <c r="E13" s="916">
        <v>1196</v>
      </c>
      <c r="F13" s="903">
        <v>613</v>
      </c>
      <c r="G13" s="969">
        <v>583</v>
      </c>
      <c r="H13" s="916">
        <v>-105</v>
      </c>
      <c r="I13" s="903">
        <v>-70</v>
      </c>
      <c r="J13" s="917">
        <v>-35</v>
      </c>
      <c r="K13" s="916" t="s">
        <v>70</v>
      </c>
      <c r="L13" s="903" t="s">
        <v>70</v>
      </c>
      <c r="M13" s="903" t="s">
        <v>70</v>
      </c>
      <c r="N13" s="969">
        <v>105</v>
      </c>
      <c r="O13" s="916">
        <v>70</v>
      </c>
      <c r="P13" s="916">
        <v>35</v>
      </c>
      <c r="Q13" s="916">
        <v>1301</v>
      </c>
      <c r="R13" s="903">
        <v>683</v>
      </c>
      <c r="S13" s="917">
        <v>618</v>
      </c>
      <c r="T13" s="916">
        <v>17055</v>
      </c>
      <c r="U13" s="903">
        <v>9806</v>
      </c>
      <c r="V13" s="969">
        <v>7249</v>
      </c>
      <c r="W13" s="916">
        <v>15754</v>
      </c>
      <c r="X13" s="903">
        <v>9123</v>
      </c>
      <c r="Y13" s="969">
        <v>6631</v>
      </c>
    </row>
    <row r="14" spans="1:25" ht="20.25" customHeight="1">
      <c r="A14" s="1145"/>
      <c r="B14" s="324">
        <v>233696</v>
      </c>
      <c r="C14" s="344" t="s">
        <v>720</v>
      </c>
      <c r="D14" s="1147"/>
      <c r="E14" s="918">
        <v>370</v>
      </c>
      <c r="F14" s="904">
        <v>130</v>
      </c>
      <c r="G14" s="968">
        <v>240</v>
      </c>
      <c r="H14" s="904">
        <v>-290</v>
      </c>
      <c r="I14" s="904">
        <v>-188</v>
      </c>
      <c r="J14" s="919">
        <v>-102</v>
      </c>
      <c r="K14" s="904" t="s">
        <v>70</v>
      </c>
      <c r="L14" s="904" t="s">
        <v>70</v>
      </c>
      <c r="M14" s="904" t="s">
        <v>70</v>
      </c>
      <c r="N14" s="968">
        <v>290</v>
      </c>
      <c r="O14" s="918">
        <v>188</v>
      </c>
      <c r="P14" s="918">
        <v>102</v>
      </c>
      <c r="Q14" s="918">
        <v>660</v>
      </c>
      <c r="R14" s="904">
        <v>318</v>
      </c>
      <c r="S14" s="919">
        <v>342</v>
      </c>
      <c r="T14" s="918">
        <v>8250</v>
      </c>
      <c r="U14" s="904">
        <v>4922</v>
      </c>
      <c r="V14" s="968">
        <v>3328</v>
      </c>
      <c r="W14" s="918">
        <v>7590</v>
      </c>
      <c r="X14" s="904">
        <v>4604</v>
      </c>
      <c r="Y14" s="968">
        <v>2986</v>
      </c>
    </row>
    <row r="15" spans="1:25" ht="20.25" customHeight="1">
      <c r="A15" s="1145"/>
      <c r="B15" s="341">
        <v>230133</v>
      </c>
      <c r="C15" s="343" t="s">
        <v>721</v>
      </c>
      <c r="D15" s="1147"/>
      <c r="E15" s="916">
        <v>-127</v>
      </c>
      <c r="F15" s="903">
        <v>-231</v>
      </c>
      <c r="G15" s="969">
        <v>104</v>
      </c>
      <c r="H15" s="916">
        <v>-714</v>
      </c>
      <c r="I15" s="903">
        <v>-486</v>
      </c>
      <c r="J15" s="917">
        <v>-228</v>
      </c>
      <c r="K15" s="916" t="s">
        <v>70</v>
      </c>
      <c r="L15" s="903" t="s">
        <v>70</v>
      </c>
      <c r="M15" s="903" t="s">
        <v>70</v>
      </c>
      <c r="N15" s="969">
        <v>714</v>
      </c>
      <c r="O15" s="916">
        <v>486</v>
      </c>
      <c r="P15" s="916">
        <v>228</v>
      </c>
      <c r="Q15" s="916">
        <v>587</v>
      </c>
      <c r="R15" s="903">
        <v>255</v>
      </c>
      <c r="S15" s="917">
        <v>332</v>
      </c>
      <c r="T15" s="916">
        <v>5567</v>
      </c>
      <c r="U15" s="903">
        <v>3193</v>
      </c>
      <c r="V15" s="969">
        <v>2374</v>
      </c>
      <c r="W15" s="916">
        <v>4980</v>
      </c>
      <c r="X15" s="903">
        <v>2938</v>
      </c>
      <c r="Y15" s="969">
        <v>2042</v>
      </c>
    </row>
    <row r="16" spans="1:25" ht="20.25" customHeight="1">
      <c r="A16" s="1145"/>
      <c r="B16" s="341">
        <v>169174</v>
      </c>
      <c r="C16" s="343" t="s">
        <v>722</v>
      </c>
      <c r="D16" s="1147"/>
      <c r="E16" s="916">
        <v>-1168</v>
      </c>
      <c r="F16" s="903">
        <v>-873</v>
      </c>
      <c r="G16" s="969">
        <v>-295</v>
      </c>
      <c r="H16" s="916">
        <v>-1278</v>
      </c>
      <c r="I16" s="903">
        <v>-920</v>
      </c>
      <c r="J16" s="917">
        <v>-358</v>
      </c>
      <c r="K16" s="916" t="s">
        <v>70</v>
      </c>
      <c r="L16" s="903" t="s">
        <v>70</v>
      </c>
      <c r="M16" s="903" t="s">
        <v>70</v>
      </c>
      <c r="N16" s="969">
        <v>1278</v>
      </c>
      <c r="O16" s="916">
        <v>920</v>
      </c>
      <c r="P16" s="916">
        <v>358</v>
      </c>
      <c r="Q16" s="916">
        <v>110</v>
      </c>
      <c r="R16" s="903">
        <v>47</v>
      </c>
      <c r="S16" s="917">
        <v>63</v>
      </c>
      <c r="T16" s="916">
        <v>2687</v>
      </c>
      <c r="U16" s="903">
        <v>1537</v>
      </c>
      <c r="V16" s="969">
        <v>1150</v>
      </c>
      <c r="W16" s="916">
        <v>2577</v>
      </c>
      <c r="X16" s="903">
        <v>1490</v>
      </c>
      <c r="Y16" s="969">
        <v>1087</v>
      </c>
    </row>
    <row r="17" spans="1:25" ht="20.25" customHeight="1">
      <c r="A17" s="1145"/>
      <c r="B17" s="341">
        <v>196998</v>
      </c>
      <c r="C17" s="343" t="s">
        <v>723</v>
      </c>
      <c r="D17" s="1147"/>
      <c r="E17" s="916">
        <v>-3482</v>
      </c>
      <c r="F17" s="903">
        <v>-2345</v>
      </c>
      <c r="G17" s="969">
        <v>-1137</v>
      </c>
      <c r="H17" s="916">
        <v>-3602</v>
      </c>
      <c r="I17" s="903">
        <v>-2391</v>
      </c>
      <c r="J17" s="917">
        <v>-1211</v>
      </c>
      <c r="K17" s="916" t="s">
        <v>70</v>
      </c>
      <c r="L17" s="903" t="s">
        <v>70</v>
      </c>
      <c r="M17" s="903" t="s">
        <v>70</v>
      </c>
      <c r="N17" s="969">
        <v>3602</v>
      </c>
      <c r="O17" s="916">
        <v>2391</v>
      </c>
      <c r="P17" s="916">
        <v>1211</v>
      </c>
      <c r="Q17" s="916">
        <v>120</v>
      </c>
      <c r="R17" s="903">
        <v>46</v>
      </c>
      <c r="S17" s="917">
        <v>74</v>
      </c>
      <c r="T17" s="916">
        <v>1968</v>
      </c>
      <c r="U17" s="903">
        <v>941</v>
      </c>
      <c r="V17" s="969">
        <v>1027</v>
      </c>
      <c r="W17" s="916">
        <v>1848</v>
      </c>
      <c r="X17" s="903">
        <v>895</v>
      </c>
      <c r="Y17" s="969">
        <v>953</v>
      </c>
    </row>
    <row r="18" spans="1:25" ht="20.25" customHeight="1">
      <c r="A18" s="1145"/>
      <c r="B18" s="341">
        <v>104280</v>
      </c>
      <c r="C18" s="343" t="s">
        <v>724</v>
      </c>
      <c r="D18" s="1147"/>
      <c r="E18" s="916">
        <v>-5186</v>
      </c>
      <c r="F18" s="903">
        <v>-3021</v>
      </c>
      <c r="G18" s="969">
        <v>-2165</v>
      </c>
      <c r="H18" s="916">
        <v>-5555</v>
      </c>
      <c r="I18" s="903">
        <v>-3130</v>
      </c>
      <c r="J18" s="917">
        <v>-2425</v>
      </c>
      <c r="K18" s="916" t="s">
        <v>70</v>
      </c>
      <c r="L18" s="903" t="s">
        <v>70</v>
      </c>
      <c r="M18" s="903" t="s">
        <v>70</v>
      </c>
      <c r="N18" s="969">
        <v>5555</v>
      </c>
      <c r="O18" s="916">
        <v>3130</v>
      </c>
      <c r="P18" s="916">
        <v>2425</v>
      </c>
      <c r="Q18" s="916">
        <v>369</v>
      </c>
      <c r="R18" s="903">
        <v>109</v>
      </c>
      <c r="S18" s="917">
        <v>260</v>
      </c>
      <c r="T18" s="916">
        <v>1511</v>
      </c>
      <c r="U18" s="903">
        <v>499</v>
      </c>
      <c r="V18" s="969">
        <v>1012</v>
      </c>
      <c r="W18" s="916">
        <v>1142</v>
      </c>
      <c r="X18" s="903">
        <v>390</v>
      </c>
      <c r="Y18" s="969">
        <v>752</v>
      </c>
    </row>
    <row r="19" spans="1:25" ht="20.25" customHeight="1">
      <c r="A19" s="1145"/>
      <c r="B19" s="324">
        <v>20002</v>
      </c>
      <c r="C19" s="344" t="s">
        <v>725</v>
      </c>
      <c r="D19" s="1147"/>
      <c r="E19" s="918">
        <v>-3160</v>
      </c>
      <c r="F19" s="904">
        <v>-1138</v>
      </c>
      <c r="G19" s="968">
        <v>-2022</v>
      </c>
      <c r="H19" s="918">
        <v>-3340</v>
      </c>
      <c r="I19" s="904">
        <v>-1178</v>
      </c>
      <c r="J19" s="919">
        <v>-2162</v>
      </c>
      <c r="K19" s="918" t="s">
        <v>70</v>
      </c>
      <c r="L19" s="904" t="s">
        <v>70</v>
      </c>
      <c r="M19" s="904" t="s">
        <v>70</v>
      </c>
      <c r="N19" s="968">
        <v>3340</v>
      </c>
      <c r="O19" s="918">
        <v>1178</v>
      </c>
      <c r="P19" s="918">
        <v>2162</v>
      </c>
      <c r="Q19" s="918">
        <v>180</v>
      </c>
      <c r="R19" s="904">
        <v>40</v>
      </c>
      <c r="S19" s="919">
        <v>140</v>
      </c>
      <c r="T19" s="918">
        <v>476</v>
      </c>
      <c r="U19" s="904">
        <v>118</v>
      </c>
      <c r="V19" s="968">
        <v>358</v>
      </c>
      <c r="W19" s="918">
        <v>296</v>
      </c>
      <c r="X19" s="904">
        <v>78</v>
      </c>
      <c r="Y19" s="968">
        <v>218</v>
      </c>
    </row>
    <row r="20" spans="1:25" ht="20.25" customHeight="1" thickBot="1">
      <c r="A20" s="1146"/>
      <c r="B20" s="979">
        <v>654</v>
      </c>
      <c r="C20" s="251" t="s">
        <v>726</v>
      </c>
      <c r="D20" s="980"/>
      <c r="E20" s="927">
        <v>-283</v>
      </c>
      <c r="F20" s="928">
        <v>-39</v>
      </c>
      <c r="G20" s="981">
        <v>-244</v>
      </c>
      <c r="H20" s="928">
        <v>-283</v>
      </c>
      <c r="I20" s="928">
        <v>-40</v>
      </c>
      <c r="J20" s="982">
        <v>-243</v>
      </c>
      <c r="K20" s="927" t="s">
        <v>70</v>
      </c>
      <c r="L20" s="928" t="s">
        <v>70</v>
      </c>
      <c r="M20" s="928" t="s">
        <v>70</v>
      </c>
      <c r="N20" s="981">
        <v>283</v>
      </c>
      <c r="O20" s="927">
        <v>40</v>
      </c>
      <c r="P20" s="927">
        <v>243</v>
      </c>
      <c r="Q20" s="927">
        <v>0</v>
      </c>
      <c r="R20" s="928">
        <v>1</v>
      </c>
      <c r="S20" s="982">
        <v>-1</v>
      </c>
      <c r="T20" s="927">
        <v>10</v>
      </c>
      <c r="U20" s="928">
        <v>2</v>
      </c>
      <c r="V20" s="981">
        <v>8</v>
      </c>
      <c r="W20" s="927">
        <v>10</v>
      </c>
      <c r="X20" s="928">
        <v>1</v>
      </c>
      <c r="Y20" s="981">
        <v>9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1584639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727</v>
      </c>
      <c r="B24" s="341">
        <v>117936</v>
      </c>
      <c r="C24" s="342" t="s">
        <v>728</v>
      </c>
      <c r="D24" s="335" t="s">
        <v>729</v>
      </c>
      <c r="E24" s="916"/>
      <c r="F24" s="903"/>
      <c r="G24" s="969"/>
      <c r="H24" s="916"/>
      <c r="I24" s="903"/>
      <c r="J24" s="917"/>
      <c r="K24" s="916"/>
      <c r="L24" s="916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137781</v>
      </c>
      <c r="C25" s="343" t="s">
        <v>730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165702</v>
      </c>
      <c r="C26" s="343" t="s">
        <v>731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175894</v>
      </c>
      <c r="C27" s="343" t="s">
        <v>732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241144</v>
      </c>
      <c r="C28" s="344" t="s">
        <v>733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220714</v>
      </c>
      <c r="C29" s="343" t="s">
        <v>734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172617</v>
      </c>
      <c r="C30" s="343" t="s">
        <v>735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197930</v>
      </c>
      <c r="C31" s="343" t="s">
        <v>736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97003</v>
      </c>
      <c r="C32" s="343" t="s">
        <v>724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18573</v>
      </c>
      <c r="C33" s="344" t="s">
        <v>737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582</v>
      </c>
      <c r="C34" s="251" t="s">
        <v>726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738</v>
      </c>
      <c r="B36" s="973">
        <v>2129</v>
      </c>
      <c r="C36" s="334" t="s">
        <v>191</v>
      </c>
      <c r="D36" s="339" t="s">
        <v>738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739</v>
      </c>
      <c r="B37" s="974"/>
      <c r="C37" s="315"/>
      <c r="D37" s="339" t="s">
        <v>739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740</v>
      </c>
      <c r="B38" s="975">
        <v>-2163</v>
      </c>
      <c r="C38" s="342" t="s">
        <v>741</v>
      </c>
      <c r="D38" s="339" t="s">
        <v>727</v>
      </c>
      <c r="E38" s="916"/>
      <c r="F38" s="903"/>
      <c r="G38" s="969"/>
      <c r="H38" s="916"/>
      <c r="I38" s="903"/>
      <c r="J38" s="917"/>
      <c r="K38" s="916"/>
      <c r="L38" s="916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2022</v>
      </c>
      <c r="C39" s="343" t="s">
        <v>742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2205</v>
      </c>
      <c r="C40" s="343" t="s">
        <v>731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2264</v>
      </c>
      <c r="C41" s="343" t="s">
        <v>743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7448</v>
      </c>
      <c r="C42" s="344" t="s">
        <v>744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9419</v>
      </c>
      <c r="C43" s="343" t="s">
        <v>745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3443</v>
      </c>
      <c r="C44" s="343" t="s">
        <v>722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932</v>
      </c>
      <c r="C45" s="343" t="s">
        <v>746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7277</v>
      </c>
      <c r="C46" s="343" t="s">
        <v>724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1429</v>
      </c>
      <c r="C47" s="344" t="s">
        <v>747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72</v>
      </c>
      <c r="C48" s="251" t="s">
        <v>748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  <c r="O49" s="545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464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465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749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750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751</v>
      </c>
      <c r="L5" s="1141"/>
      <c r="M5" s="1142"/>
      <c r="N5" s="1141" t="s">
        <v>689</v>
      </c>
      <c r="O5" s="1141"/>
      <c r="P5" s="1141"/>
      <c r="Q5" s="1140" t="s">
        <v>690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548</v>
      </c>
      <c r="L6" s="530" t="s">
        <v>508</v>
      </c>
      <c r="M6" s="530" t="s">
        <v>509</v>
      </c>
      <c r="N6" s="929" t="s">
        <v>691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1313636</v>
      </c>
      <c r="C8" s="334" t="s">
        <v>191</v>
      </c>
      <c r="D8" s="335"/>
      <c r="E8" s="964">
        <v>3234</v>
      </c>
      <c r="F8" s="965">
        <v>1521</v>
      </c>
      <c r="G8" s="966">
        <v>1713</v>
      </c>
      <c r="H8" s="964">
        <v>-5088</v>
      </c>
      <c r="I8" s="965">
        <v>-2668</v>
      </c>
      <c r="J8" s="967">
        <v>-2420</v>
      </c>
      <c r="K8" s="964">
        <v>7986</v>
      </c>
      <c r="L8" s="965">
        <v>4065</v>
      </c>
      <c r="M8" s="965">
        <v>3921</v>
      </c>
      <c r="N8" s="966">
        <v>13074</v>
      </c>
      <c r="O8" s="964">
        <v>6733</v>
      </c>
      <c r="P8" s="964">
        <v>6341</v>
      </c>
      <c r="Q8" s="964">
        <v>8322</v>
      </c>
      <c r="R8" s="965">
        <v>4189</v>
      </c>
      <c r="S8" s="967">
        <v>4133</v>
      </c>
      <c r="T8" s="966">
        <v>55167</v>
      </c>
      <c r="U8" s="964">
        <v>29472</v>
      </c>
      <c r="V8" s="964">
        <v>25695</v>
      </c>
      <c r="W8" s="964">
        <v>46845</v>
      </c>
      <c r="X8" s="964">
        <v>25283</v>
      </c>
      <c r="Y8" s="964">
        <v>21562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32</v>
      </c>
      <c r="B10" s="341">
        <v>99099</v>
      </c>
      <c r="C10" s="342" t="s">
        <v>633</v>
      </c>
      <c r="D10" s="335" t="s">
        <v>634</v>
      </c>
      <c r="E10" s="916">
        <v>9515</v>
      </c>
      <c r="F10" s="903">
        <v>4840</v>
      </c>
      <c r="G10" s="969">
        <v>4675</v>
      </c>
      <c r="H10" s="916">
        <v>7965</v>
      </c>
      <c r="I10" s="903">
        <v>4053</v>
      </c>
      <c r="J10" s="917">
        <v>3912</v>
      </c>
      <c r="K10" s="916">
        <v>7986</v>
      </c>
      <c r="L10" s="903">
        <v>4065</v>
      </c>
      <c r="M10" s="903">
        <v>3921</v>
      </c>
      <c r="N10" s="969">
        <v>21</v>
      </c>
      <c r="O10" s="916">
        <v>12</v>
      </c>
      <c r="P10" s="916">
        <v>9</v>
      </c>
      <c r="Q10" s="916">
        <v>1550</v>
      </c>
      <c r="R10" s="903">
        <v>787</v>
      </c>
      <c r="S10" s="917">
        <v>763</v>
      </c>
      <c r="T10" s="916">
        <v>4917</v>
      </c>
      <c r="U10" s="903">
        <v>2533</v>
      </c>
      <c r="V10" s="969">
        <v>2384</v>
      </c>
      <c r="W10" s="916">
        <v>3367</v>
      </c>
      <c r="X10" s="903">
        <v>1746</v>
      </c>
      <c r="Y10" s="969">
        <v>1621</v>
      </c>
    </row>
    <row r="11" spans="1:25" ht="20.25" customHeight="1">
      <c r="A11" s="338"/>
      <c r="B11" s="341">
        <v>117687</v>
      </c>
      <c r="C11" s="343" t="s">
        <v>635</v>
      </c>
      <c r="D11" s="538"/>
      <c r="E11" s="916">
        <v>781</v>
      </c>
      <c r="F11" s="903">
        <v>486</v>
      </c>
      <c r="G11" s="969">
        <v>295</v>
      </c>
      <c r="H11" s="916">
        <v>-13</v>
      </c>
      <c r="I11" s="903">
        <v>-9</v>
      </c>
      <c r="J11" s="917">
        <v>-4</v>
      </c>
      <c r="K11" s="916" t="s">
        <v>70</v>
      </c>
      <c r="L11" s="903" t="s">
        <v>70</v>
      </c>
      <c r="M11" s="903" t="s">
        <v>70</v>
      </c>
      <c r="N11" s="969">
        <v>13</v>
      </c>
      <c r="O11" s="916">
        <v>9</v>
      </c>
      <c r="P11" s="916">
        <v>4</v>
      </c>
      <c r="Q11" s="916">
        <v>794</v>
      </c>
      <c r="R11" s="903">
        <v>495</v>
      </c>
      <c r="S11" s="917">
        <v>299</v>
      </c>
      <c r="T11" s="916">
        <v>2965</v>
      </c>
      <c r="U11" s="903">
        <v>1629</v>
      </c>
      <c r="V11" s="969">
        <v>1336</v>
      </c>
      <c r="W11" s="916">
        <v>2171</v>
      </c>
      <c r="X11" s="903">
        <v>1134</v>
      </c>
      <c r="Y11" s="969">
        <v>1037</v>
      </c>
    </row>
    <row r="12" spans="1:25" ht="20.25" customHeight="1">
      <c r="A12" s="1145" t="s">
        <v>421</v>
      </c>
      <c r="B12" s="341">
        <v>126686</v>
      </c>
      <c r="C12" s="343" t="s">
        <v>719</v>
      </c>
      <c r="D12" s="1147" t="s">
        <v>637</v>
      </c>
      <c r="E12" s="916">
        <v>-57</v>
      </c>
      <c r="F12" s="903">
        <v>-64</v>
      </c>
      <c r="G12" s="969">
        <v>7</v>
      </c>
      <c r="H12" s="916">
        <v>-37</v>
      </c>
      <c r="I12" s="903">
        <v>-28</v>
      </c>
      <c r="J12" s="917">
        <v>-9</v>
      </c>
      <c r="K12" s="916" t="s">
        <v>70</v>
      </c>
      <c r="L12" s="903" t="s">
        <v>70</v>
      </c>
      <c r="M12" s="903" t="s">
        <v>70</v>
      </c>
      <c r="N12" s="969">
        <v>37</v>
      </c>
      <c r="O12" s="916">
        <v>28</v>
      </c>
      <c r="P12" s="916">
        <v>9</v>
      </c>
      <c r="Q12" s="916">
        <v>-20</v>
      </c>
      <c r="R12" s="903">
        <v>-36</v>
      </c>
      <c r="S12" s="917">
        <v>16</v>
      </c>
      <c r="T12" s="916">
        <v>18349</v>
      </c>
      <c r="U12" s="903">
        <v>9830</v>
      </c>
      <c r="V12" s="969">
        <v>8519</v>
      </c>
      <c r="W12" s="916">
        <v>18369</v>
      </c>
      <c r="X12" s="903">
        <v>9866</v>
      </c>
      <c r="Y12" s="969">
        <v>8503</v>
      </c>
    </row>
    <row r="13" spans="1:25" ht="20.25" customHeight="1">
      <c r="A13" s="1145"/>
      <c r="B13" s="341">
        <v>136278</v>
      </c>
      <c r="C13" s="343" t="s">
        <v>695</v>
      </c>
      <c r="D13" s="1147"/>
      <c r="E13" s="916">
        <v>2778</v>
      </c>
      <c r="F13" s="903">
        <v>1383</v>
      </c>
      <c r="G13" s="969">
        <v>1395</v>
      </c>
      <c r="H13" s="916">
        <v>-84</v>
      </c>
      <c r="I13" s="903">
        <v>-54</v>
      </c>
      <c r="J13" s="917">
        <v>-30</v>
      </c>
      <c r="K13" s="916" t="s">
        <v>70</v>
      </c>
      <c r="L13" s="903" t="s">
        <v>70</v>
      </c>
      <c r="M13" s="903" t="s">
        <v>70</v>
      </c>
      <c r="N13" s="969">
        <v>84</v>
      </c>
      <c r="O13" s="916">
        <v>54</v>
      </c>
      <c r="P13" s="916">
        <v>30</v>
      </c>
      <c r="Q13" s="916">
        <v>2862</v>
      </c>
      <c r="R13" s="903">
        <v>1437</v>
      </c>
      <c r="S13" s="917">
        <v>1425</v>
      </c>
      <c r="T13" s="916">
        <v>13071</v>
      </c>
      <c r="U13" s="903">
        <v>7105</v>
      </c>
      <c r="V13" s="969">
        <v>5966</v>
      </c>
      <c r="W13" s="916">
        <v>10209</v>
      </c>
      <c r="X13" s="903">
        <v>5668</v>
      </c>
      <c r="Y13" s="969">
        <v>4541</v>
      </c>
    </row>
    <row r="14" spans="1:25" ht="20.25" customHeight="1">
      <c r="A14" s="1145"/>
      <c r="B14" s="324">
        <v>193858</v>
      </c>
      <c r="C14" s="344" t="s">
        <v>648</v>
      </c>
      <c r="D14" s="1147"/>
      <c r="E14" s="918">
        <v>1219</v>
      </c>
      <c r="F14" s="904">
        <v>634</v>
      </c>
      <c r="G14" s="968">
        <v>585</v>
      </c>
      <c r="H14" s="904">
        <v>-213</v>
      </c>
      <c r="I14" s="904">
        <v>-126</v>
      </c>
      <c r="J14" s="919">
        <v>-87</v>
      </c>
      <c r="K14" s="904" t="s">
        <v>70</v>
      </c>
      <c r="L14" s="904" t="s">
        <v>70</v>
      </c>
      <c r="M14" s="904" t="s">
        <v>70</v>
      </c>
      <c r="N14" s="968">
        <v>213</v>
      </c>
      <c r="O14" s="918">
        <v>126</v>
      </c>
      <c r="P14" s="918">
        <v>87</v>
      </c>
      <c r="Q14" s="918">
        <v>1432</v>
      </c>
      <c r="R14" s="904">
        <v>760</v>
      </c>
      <c r="S14" s="919">
        <v>672</v>
      </c>
      <c r="T14" s="918">
        <v>6623</v>
      </c>
      <c r="U14" s="904">
        <v>3777</v>
      </c>
      <c r="V14" s="968">
        <v>2846</v>
      </c>
      <c r="W14" s="918">
        <v>5191</v>
      </c>
      <c r="X14" s="904">
        <v>3017</v>
      </c>
      <c r="Y14" s="968">
        <v>2174</v>
      </c>
    </row>
    <row r="15" spans="1:25" ht="20.25" customHeight="1">
      <c r="A15" s="1145"/>
      <c r="B15" s="341">
        <v>190609</v>
      </c>
      <c r="C15" s="343" t="s">
        <v>752</v>
      </c>
      <c r="D15" s="1147"/>
      <c r="E15" s="916">
        <v>165</v>
      </c>
      <c r="F15" s="903">
        <v>45</v>
      </c>
      <c r="G15" s="969">
        <v>120</v>
      </c>
      <c r="H15" s="916">
        <v>-534</v>
      </c>
      <c r="I15" s="903">
        <v>-333</v>
      </c>
      <c r="J15" s="917">
        <v>-201</v>
      </c>
      <c r="K15" s="916" t="s">
        <v>70</v>
      </c>
      <c r="L15" s="903" t="s">
        <v>70</v>
      </c>
      <c r="M15" s="903" t="s">
        <v>70</v>
      </c>
      <c r="N15" s="969">
        <v>534</v>
      </c>
      <c r="O15" s="916">
        <v>333</v>
      </c>
      <c r="P15" s="916">
        <v>201</v>
      </c>
      <c r="Q15" s="916">
        <v>699</v>
      </c>
      <c r="R15" s="903">
        <v>378</v>
      </c>
      <c r="S15" s="917">
        <v>321</v>
      </c>
      <c r="T15" s="916">
        <v>4006</v>
      </c>
      <c r="U15" s="903">
        <v>2269</v>
      </c>
      <c r="V15" s="969">
        <v>1737</v>
      </c>
      <c r="W15" s="916">
        <v>3307</v>
      </c>
      <c r="X15" s="903">
        <v>1891</v>
      </c>
      <c r="Y15" s="969">
        <v>1416</v>
      </c>
    </row>
    <row r="16" spans="1:25" ht="20.25" customHeight="1">
      <c r="A16" s="1145"/>
      <c r="B16" s="341">
        <v>144585</v>
      </c>
      <c r="C16" s="343" t="s">
        <v>753</v>
      </c>
      <c r="D16" s="1147"/>
      <c r="E16" s="916">
        <v>-593</v>
      </c>
      <c r="F16" s="903">
        <v>-468</v>
      </c>
      <c r="G16" s="969">
        <v>-125</v>
      </c>
      <c r="H16" s="916">
        <v>-949</v>
      </c>
      <c r="I16" s="903">
        <v>-609</v>
      </c>
      <c r="J16" s="917">
        <v>-340</v>
      </c>
      <c r="K16" s="916" t="s">
        <v>70</v>
      </c>
      <c r="L16" s="903" t="s">
        <v>70</v>
      </c>
      <c r="M16" s="903" t="s">
        <v>70</v>
      </c>
      <c r="N16" s="969">
        <v>949</v>
      </c>
      <c r="O16" s="916">
        <v>609</v>
      </c>
      <c r="P16" s="916">
        <v>340</v>
      </c>
      <c r="Q16" s="916">
        <v>356</v>
      </c>
      <c r="R16" s="903">
        <v>141</v>
      </c>
      <c r="S16" s="917">
        <v>215</v>
      </c>
      <c r="T16" s="916">
        <v>2183</v>
      </c>
      <c r="U16" s="903">
        <v>1185</v>
      </c>
      <c r="V16" s="969">
        <v>998</v>
      </c>
      <c r="W16" s="916">
        <v>1827</v>
      </c>
      <c r="X16" s="903">
        <v>1044</v>
      </c>
      <c r="Y16" s="969">
        <v>783</v>
      </c>
    </row>
    <row r="17" spans="1:25" ht="20.25" customHeight="1">
      <c r="A17" s="1145"/>
      <c r="B17" s="341">
        <v>168429</v>
      </c>
      <c r="C17" s="343" t="s">
        <v>754</v>
      </c>
      <c r="D17" s="1147"/>
      <c r="E17" s="916">
        <v>-2378</v>
      </c>
      <c r="F17" s="903">
        <v>-1581</v>
      </c>
      <c r="G17" s="969">
        <v>-797</v>
      </c>
      <c r="H17" s="916">
        <v>-2643</v>
      </c>
      <c r="I17" s="903">
        <v>-1682</v>
      </c>
      <c r="J17" s="917">
        <v>-961</v>
      </c>
      <c r="K17" s="916" t="s">
        <v>70</v>
      </c>
      <c r="L17" s="903" t="s">
        <v>70</v>
      </c>
      <c r="M17" s="903" t="s">
        <v>70</v>
      </c>
      <c r="N17" s="969">
        <v>2643</v>
      </c>
      <c r="O17" s="916">
        <v>1682</v>
      </c>
      <c r="P17" s="916">
        <v>961</v>
      </c>
      <c r="Q17" s="916">
        <v>265</v>
      </c>
      <c r="R17" s="903">
        <v>101</v>
      </c>
      <c r="S17" s="917">
        <v>164</v>
      </c>
      <c r="T17" s="916">
        <v>1502</v>
      </c>
      <c r="U17" s="903">
        <v>676</v>
      </c>
      <c r="V17" s="969">
        <v>826</v>
      </c>
      <c r="W17" s="916">
        <v>1237</v>
      </c>
      <c r="X17" s="903">
        <v>575</v>
      </c>
      <c r="Y17" s="969">
        <v>662</v>
      </c>
    </row>
    <row r="18" spans="1:25" ht="20.25" customHeight="1">
      <c r="A18" s="1145"/>
      <c r="B18" s="341">
        <v>92985</v>
      </c>
      <c r="C18" s="343" t="s">
        <v>755</v>
      </c>
      <c r="D18" s="1147"/>
      <c r="E18" s="916">
        <v>-4600</v>
      </c>
      <c r="F18" s="903">
        <v>-2634</v>
      </c>
      <c r="G18" s="969">
        <v>-1966</v>
      </c>
      <c r="H18" s="916">
        <v>-4854</v>
      </c>
      <c r="I18" s="903">
        <v>-2712</v>
      </c>
      <c r="J18" s="917">
        <v>-2142</v>
      </c>
      <c r="K18" s="916" t="s">
        <v>70</v>
      </c>
      <c r="L18" s="903" t="s">
        <v>70</v>
      </c>
      <c r="M18" s="903" t="s">
        <v>70</v>
      </c>
      <c r="N18" s="969">
        <v>4854</v>
      </c>
      <c r="O18" s="916">
        <v>2712</v>
      </c>
      <c r="P18" s="916">
        <v>2142</v>
      </c>
      <c r="Q18" s="916">
        <v>254</v>
      </c>
      <c r="R18" s="903">
        <v>78</v>
      </c>
      <c r="S18" s="917">
        <v>176</v>
      </c>
      <c r="T18" s="916">
        <v>1138</v>
      </c>
      <c r="U18" s="903">
        <v>358</v>
      </c>
      <c r="V18" s="969">
        <v>780</v>
      </c>
      <c r="W18" s="916">
        <v>884</v>
      </c>
      <c r="X18" s="903">
        <v>280</v>
      </c>
      <c r="Y18" s="969">
        <v>604</v>
      </c>
    </row>
    <row r="19" spans="1:25" ht="20.25" customHeight="1">
      <c r="A19" s="1145"/>
      <c r="B19" s="324">
        <v>21363</v>
      </c>
      <c r="C19" s="344" t="s">
        <v>668</v>
      </c>
      <c r="D19" s="1147"/>
      <c r="E19" s="918">
        <v>-3248</v>
      </c>
      <c r="F19" s="904">
        <v>-1078</v>
      </c>
      <c r="G19" s="968">
        <v>-2170</v>
      </c>
      <c r="H19" s="918">
        <v>-3373</v>
      </c>
      <c r="I19" s="904">
        <v>-1124</v>
      </c>
      <c r="J19" s="919">
        <v>-2249</v>
      </c>
      <c r="K19" s="918" t="s">
        <v>70</v>
      </c>
      <c r="L19" s="904" t="s">
        <v>70</v>
      </c>
      <c r="M19" s="904" t="s">
        <v>70</v>
      </c>
      <c r="N19" s="968">
        <v>3373</v>
      </c>
      <c r="O19" s="918">
        <v>1124</v>
      </c>
      <c r="P19" s="918">
        <v>2249</v>
      </c>
      <c r="Q19" s="918">
        <v>125</v>
      </c>
      <c r="R19" s="904">
        <v>46</v>
      </c>
      <c r="S19" s="919">
        <v>79</v>
      </c>
      <c r="T19" s="918">
        <v>398</v>
      </c>
      <c r="U19" s="904">
        <v>107</v>
      </c>
      <c r="V19" s="968">
        <v>291</v>
      </c>
      <c r="W19" s="918">
        <v>273</v>
      </c>
      <c r="X19" s="904">
        <v>61</v>
      </c>
      <c r="Y19" s="968">
        <v>212</v>
      </c>
    </row>
    <row r="20" spans="1:25" ht="20.25" customHeight="1" thickBot="1">
      <c r="A20" s="1146"/>
      <c r="B20" s="979">
        <v>762</v>
      </c>
      <c r="C20" s="251" t="s">
        <v>669</v>
      </c>
      <c r="D20" s="980"/>
      <c r="E20" s="927">
        <v>-348</v>
      </c>
      <c r="F20" s="928">
        <v>-42</v>
      </c>
      <c r="G20" s="981">
        <v>-306</v>
      </c>
      <c r="H20" s="928">
        <v>-353</v>
      </c>
      <c r="I20" s="928">
        <v>-44</v>
      </c>
      <c r="J20" s="982">
        <v>-309</v>
      </c>
      <c r="K20" s="927" t="s">
        <v>70</v>
      </c>
      <c r="L20" s="928" t="s">
        <v>70</v>
      </c>
      <c r="M20" s="928" t="s">
        <v>70</v>
      </c>
      <c r="N20" s="981">
        <v>353</v>
      </c>
      <c r="O20" s="927">
        <v>44</v>
      </c>
      <c r="P20" s="927">
        <v>309</v>
      </c>
      <c r="Q20" s="927">
        <v>5</v>
      </c>
      <c r="R20" s="928">
        <v>2</v>
      </c>
      <c r="S20" s="982">
        <v>3</v>
      </c>
      <c r="T20" s="927">
        <v>15</v>
      </c>
      <c r="U20" s="928">
        <v>3</v>
      </c>
      <c r="V20" s="981">
        <v>12</v>
      </c>
      <c r="W20" s="927">
        <v>10</v>
      </c>
      <c r="X20" s="928">
        <v>1</v>
      </c>
      <c r="Y20" s="981">
        <v>9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1310402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756</v>
      </c>
      <c r="B24" s="341">
        <v>100846</v>
      </c>
      <c r="C24" s="342" t="s">
        <v>671</v>
      </c>
      <c r="D24" s="335" t="s">
        <v>757</v>
      </c>
      <c r="E24" s="916"/>
      <c r="F24" s="903"/>
      <c r="G24" s="969"/>
      <c r="H24" s="916"/>
      <c r="I24" s="903"/>
      <c r="J24" s="917"/>
      <c r="K24" s="916"/>
      <c r="L24" s="903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119320</v>
      </c>
      <c r="C25" s="343" t="s">
        <v>682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124782</v>
      </c>
      <c r="C26" s="343" t="s">
        <v>758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137827</v>
      </c>
      <c r="C27" s="343" t="s">
        <v>683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198629</v>
      </c>
      <c r="C28" s="344" t="s">
        <v>759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183548</v>
      </c>
      <c r="C29" s="343" t="s">
        <v>752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147149</v>
      </c>
      <c r="C30" s="343" t="s">
        <v>684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168493</v>
      </c>
      <c r="C31" s="343" t="s">
        <v>754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88021</v>
      </c>
      <c r="C32" s="343" t="s">
        <v>755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19758</v>
      </c>
      <c r="C33" s="344" t="s">
        <v>668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734</v>
      </c>
      <c r="C34" s="251" t="s">
        <v>760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679</v>
      </c>
      <c r="B36" s="973">
        <v>3234</v>
      </c>
      <c r="C36" s="334" t="s">
        <v>191</v>
      </c>
      <c r="D36" s="339" t="s">
        <v>761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762</v>
      </c>
      <c r="B37" s="974"/>
      <c r="C37" s="315"/>
      <c r="D37" s="339" t="s">
        <v>763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756</v>
      </c>
      <c r="B38" s="975">
        <v>-1747</v>
      </c>
      <c r="C38" s="342" t="s">
        <v>671</v>
      </c>
      <c r="D38" s="339" t="s">
        <v>757</v>
      </c>
      <c r="E38" s="916"/>
      <c r="F38" s="903"/>
      <c r="G38" s="969"/>
      <c r="H38" s="916"/>
      <c r="I38" s="903"/>
      <c r="J38" s="917"/>
      <c r="K38" s="916"/>
      <c r="L38" s="903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1633</v>
      </c>
      <c r="C39" s="343" t="s">
        <v>682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1904</v>
      </c>
      <c r="C40" s="343" t="s">
        <v>758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1549</v>
      </c>
      <c r="C41" s="343" t="s">
        <v>764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4771</v>
      </c>
      <c r="C42" s="344" t="s">
        <v>759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7061</v>
      </c>
      <c r="C43" s="343" t="s">
        <v>752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2564</v>
      </c>
      <c r="C44" s="343" t="s">
        <v>684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-64</v>
      </c>
      <c r="C45" s="343" t="s">
        <v>754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4964</v>
      </c>
      <c r="C46" s="343" t="s">
        <v>755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1605</v>
      </c>
      <c r="C47" s="344" t="s">
        <v>765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28</v>
      </c>
      <c r="C48" s="251" t="s">
        <v>760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958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465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3" customWidth="1"/>
    <col min="2" max="2" width="15" style="153" customWidth="1"/>
    <col min="3" max="3" width="12.5" style="153" customWidth="1"/>
    <col min="4" max="4" width="5.625" style="153" customWidth="1"/>
    <col min="5" max="25" width="10" style="153" customWidth="1"/>
    <col min="26" max="16384" width="9" style="153"/>
  </cols>
  <sheetData>
    <row r="1" spans="1:25" ht="21" customHeight="1" thickBot="1">
      <c r="A1" s="460" t="s">
        <v>766</v>
      </c>
      <c r="C1" s="303"/>
      <c r="D1" s="303"/>
      <c r="E1" s="303"/>
      <c r="F1" s="303"/>
      <c r="G1" s="303"/>
      <c r="R1" s="303"/>
      <c r="T1" s="303"/>
      <c r="U1" s="303"/>
      <c r="X1" s="304"/>
      <c r="Y1" s="521" t="s">
        <v>767</v>
      </c>
    </row>
    <row r="2" spans="1:25" ht="20.25" customHeight="1" thickTop="1">
      <c r="A2" s="325"/>
      <c r="B2" s="326"/>
      <c r="C2" s="522"/>
      <c r="D2" s="305"/>
      <c r="E2" s="305"/>
      <c r="F2" s="305"/>
      <c r="G2" s="305"/>
      <c r="H2" s="305"/>
      <c r="I2" s="305"/>
      <c r="J2" s="305"/>
      <c r="K2" s="305"/>
      <c r="L2" s="305"/>
      <c r="M2" s="305"/>
      <c r="N2" s="305"/>
      <c r="O2" s="305"/>
      <c r="P2" s="305"/>
      <c r="Q2" s="305"/>
      <c r="R2" s="305"/>
      <c r="S2" s="305"/>
      <c r="T2" s="305"/>
      <c r="U2" s="305"/>
      <c r="V2" s="305"/>
      <c r="W2" s="305"/>
      <c r="X2" s="305"/>
      <c r="Y2" s="305"/>
    </row>
    <row r="3" spans="1:25" ht="20.25" customHeight="1">
      <c r="A3" s="327"/>
      <c r="B3" s="328"/>
      <c r="C3" s="306"/>
      <c r="D3" s="329"/>
      <c r="E3" s="523"/>
      <c r="F3" s="307"/>
      <c r="G3" s="308"/>
      <c r="H3" s="524"/>
      <c r="I3" s="525"/>
      <c r="J3" s="309"/>
      <c r="K3" s="309"/>
      <c r="L3" s="309"/>
      <c r="M3" s="309"/>
      <c r="N3" s="309"/>
      <c r="O3" s="309"/>
      <c r="P3" s="309"/>
      <c r="Q3" s="524"/>
      <c r="R3" s="525"/>
      <c r="S3" s="309"/>
      <c r="T3" s="309"/>
      <c r="U3" s="309"/>
      <c r="V3" s="309"/>
      <c r="W3" s="309"/>
      <c r="X3" s="309"/>
      <c r="Y3" s="309"/>
    </row>
    <row r="4" spans="1:25" ht="20.25" customHeight="1">
      <c r="A4" s="1143" t="s">
        <v>406</v>
      </c>
      <c r="B4" s="1144"/>
      <c r="C4" s="526" t="s">
        <v>252</v>
      </c>
      <c r="D4" s="335"/>
      <c r="E4" s="1135" t="s">
        <v>498</v>
      </c>
      <c r="F4" s="1135"/>
      <c r="G4" s="1136"/>
      <c r="H4" s="1134" t="s">
        <v>408</v>
      </c>
      <c r="I4" s="1135"/>
      <c r="J4" s="1136"/>
      <c r="K4" s="1137" t="s">
        <v>409</v>
      </c>
      <c r="L4" s="1138"/>
      <c r="M4" s="1139"/>
      <c r="N4" s="1138" t="s">
        <v>544</v>
      </c>
      <c r="O4" s="1138"/>
      <c r="P4" s="1138"/>
      <c r="Q4" s="1134" t="s">
        <v>411</v>
      </c>
      <c r="R4" s="1135"/>
      <c r="S4" s="1136"/>
      <c r="T4" s="1137" t="s">
        <v>412</v>
      </c>
      <c r="U4" s="1138"/>
      <c r="V4" s="1138"/>
      <c r="W4" s="1137" t="s">
        <v>413</v>
      </c>
      <c r="X4" s="1138"/>
      <c r="Y4" s="1138"/>
    </row>
    <row r="5" spans="1:25" ht="20.25" customHeight="1">
      <c r="A5" s="327"/>
      <c r="B5" s="328"/>
      <c r="C5" s="320"/>
      <c r="D5" s="527"/>
      <c r="E5" s="1141" t="s">
        <v>500</v>
      </c>
      <c r="F5" s="1141"/>
      <c r="G5" s="1142"/>
      <c r="H5" s="1140" t="s">
        <v>545</v>
      </c>
      <c r="I5" s="1141"/>
      <c r="J5" s="1142"/>
      <c r="K5" s="1140" t="s">
        <v>751</v>
      </c>
      <c r="L5" s="1141"/>
      <c r="M5" s="1142"/>
      <c r="N5" s="1141" t="s">
        <v>689</v>
      </c>
      <c r="O5" s="1141"/>
      <c r="P5" s="1141"/>
      <c r="Q5" s="1140" t="s">
        <v>546</v>
      </c>
      <c r="R5" s="1141"/>
      <c r="S5" s="1142"/>
      <c r="T5" s="1140" t="s">
        <v>419</v>
      </c>
      <c r="U5" s="1141"/>
      <c r="V5" s="1141"/>
      <c r="W5" s="1140" t="s">
        <v>547</v>
      </c>
      <c r="X5" s="1141"/>
      <c r="Y5" s="1141"/>
    </row>
    <row r="6" spans="1:25" ht="20.25" customHeight="1">
      <c r="A6" s="330"/>
      <c r="B6" s="331"/>
      <c r="C6" s="528"/>
      <c r="D6" s="529"/>
      <c r="E6" s="530" t="s">
        <v>507</v>
      </c>
      <c r="F6" s="530" t="s">
        <v>508</v>
      </c>
      <c r="G6" s="531" t="s">
        <v>509</v>
      </c>
      <c r="H6" s="532" t="s">
        <v>507</v>
      </c>
      <c r="I6" s="530" t="s">
        <v>508</v>
      </c>
      <c r="J6" s="531" t="s">
        <v>509</v>
      </c>
      <c r="K6" s="532" t="s">
        <v>691</v>
      </c>
      <c r="L6" s="530" t="s">
        <v>508</v>
      </c>
      <c r="M6" s="530" t="s">
        <v>509</v>
      </c>
      <c r="N6" s="929" t="s">
        <v>691</v>
      </c>
      <c r="O6" s="533" t="s">
        <v>513</v>
      </c>
      <c r="P6" s="533" t="s">
        <v>509</v>
      </c>
      <c r="Q6" s="530" t="s">
        <v>507</v>
      </c>
      <c r="R6" s="530" t="s">
        <v>508</v>
      </c>
      <c r="S6" s="531" t="s">
        <v>509</v>
      </c>
      <c r="T6" s="532" t="s">
        <v>507</v>
      </c>
      <c r="U6" s="533" t="s">
        <v>508</v>
      </c>
      <c r="V6" s="533" t="s">
        <v>509</v>
      </c>
      <c r="W6" s="533" t="s">
        <v>507</v>
      </c>
      <c r="X6" s="533" t="s">
        <v>508</v>
      </c>
      <c r="Y6" s="533" t="s">
        <v>509</v>
      </c>
    </row>
    <row r="7" spans="1:25" ht="20.25" customHeight="1">
      <c r="A7" s="332"/>
      <c r="B7" s="534" t="s">
        <v>189</v>
      </c>
      <c r="C7" s="246"/>
      <c r="D7" s="535"/>
      <c r="E7" s="536" t="s">
        <v>189</v>
      </c>
      <c r="F7" s="106" t="s">
        <v>189</v>
      </c>
      <c r="G7" s="87" t="s">
        <v>189</v>
      </c>
      <c r="H7" s="107" t="s">
        <v>189</v>
      </c>
      <c r="I7" s="106" t="s">
        <v>189</v>
      </c>
      <c r="J7" s="87" t="s">
        <v>189</v>
      </c>
      <c r="K7" s="107" t="s">
        <v>189</v>
      </c>
      <c r="L7" s="106" t="s">
        <v>189</v>
      </c>
      <c r="M7" s="106" t="s">
        <v>189</v>
      </c>
      <c r="N7" s="770" t="s">
        <v>189</v>
      </c>
      <c r="O7" s="537" t="s">
        <v>189</v>
      </c>
      <c r="P7" s="537" t="s">
        <v>189</v>
      </c>
      <c r="Q7" s="536" t="s">
        <v>189</v>
      </c>
      <c r="R7" s="106" t="s">
        <v>189</v>
      </c>
      <c r="S7" s="87" t="s">
        <v>189</v>
      </c>
      <c r="T7" s="537" t="s">
        <v>189</v>
      </c>
      <c r="U7" s="537" t="s">
        <v>189</v>
      </c>
      <c r="V7" s="537" t="s">
        <v>189</v>
      </c>
      <c r="W7" s="537" t="s">
        <v>189</v>
      </c>
      <c r="X7" s="537" t="s">
        <v>189</v>
      </c>
      <c r="Y7" s="537" t="s">
        <v>189</v>
      </c>
    </row>
    <row r="8" spans="1:25" ht="20.25" customHeight="1">
      <c r="A8" s="333"/>
      <c r="B8" s="340">
        <v>334080</v>
      </c>
      <c r="C8" s="334" t="s">
        <v>191</v>
      </c>
      <c r="D8" s="335"/>
      <c r="E8" s="964">
        <v>-2039</v>
      </c>
      <c r="F8" s="965">
        <v>-1118</v>
      </c>
      <c r="G8" s="966">
        <v>-921</v>
      </c>
      <c r="H8" s="964">
        <v>-2599</v>
      </c>
      <c r="I8" s="965">
        <v>-1363</v>
      </c>
      <c r="J8" s="967">
        <v>-1236</v>
      </c>
      <c r="K8" s="964">
        <v>1730</v>
      </c>
      <c r="L8" s="965">
        <v>918</v>
      </c>
      <c r="M8" s="965">
        <v>812</v>
      </c>
      <c r="N8" s="966">
        <v>4329</v>
      </c>
      <c r="O8" s="964">
        <v>2281</v>
      </c>
      <c r="P8" s="964">
        <v>2048</v>
      </c>
      <c r="Q8" s="964">
        <v>560</v>
      </c>
      <c r="R8" s="965">
        <v>245</v>
      </c>
      <c r="S8" s="967">
        <v>315</v>
      </c>
      <c r="T8" s="966">
        <v>12862</v>
      </c>
      <c r="U8" s="964">
        <v>6554</v>
      </c>
      <c r="V8" s="964">
        <v>6308</v>
      </c>
      <c r="W8" s="964">
        <v>12302</v>
      </c>
      <c r="X8" s="964">
        <v>6309</v>
      </c>
      <c r="Y8" s="964">
        <v>5993</v>
      </c>
    </row>
    <row r="9" spans="1:25" ht="12.75" customHeight="1">
      <c r="A9" s="336"/>
      <c r="B9" s="346"/>
      <c r="C9" s="315"/>
      <c r="D9" s="337"/>
      <c r="E9" s="918"/>
      <c r="F9" s="904"/>
      <c r="G9" s="968"/>
      <c r="H9" s="918"/>
      <c r="I9" s="904"/>
      <c r="J9" s="919"/>
      <c r="K9" s="918"/>
      <c r="L9" s="904"/>
      <c r="M9" s="904"/>
      <c r="N9" s="968"/>
      <c r="O9" s="918"/>
      <c r="P9" s="904"/>
      <c r="Q9" s="918"/>
      <c r="R9" s="904"/>
      <c r="S9" s="919"/>
      <c r="T9" s="968"/>
      <c r="U9" s="904"/>
      <c r="V9" s="968"/>
      <c r="W9" s="918"/>
      <c r="X9" s="904"/>
      <c r="Y9" s="968"/>
    </row>
    <row r="10" spans="1:25" ht="20.25" customHeight="1">
      <c r="A10" s="333" t="s">
        <v>632</v>
      </c>
      <c r="B10" s="341">
        <v>21075</v>
      </c>
      <c r="C10" s="342" t="s">
        <v>633</v>
      </c>
      <c r="D10" s="335" t="s">
        <v>634</v>
      </c>
      <c r="E10" s="916">
        <v>1950</v>
      </c>
      <c r="F10" s="903">
        <v>1028</v>
      </c>
      <c r="G10" s="969">
        <v>922</v>
      </c>
      <c r="H10" s="916">
        <v>1726</v>
      </c>
      <c r="I10" s="903">
        <v>915</v>
      </c>
      <c r="J10" s="917">
        <v>811</v>
      </c>
      <c r="K10" s="916">
        <v>1730</v>
      </c>
      <c r="L10" s="903">
        <v>918</v>
      </c>
      <c r="M10" s="903">
        <v>812</v>
      </c>
      <c r="N10" s="969">
        <v>4</v>
      </c>
      <c r="O10" s="916">
        <v>3</v>
      </c>
      <c r="P10" s="916">
        <v>1</v>
      </c>
      <c r="Q10" s="916">
        <v>224</v>
      </c>
      <c r="R10" s="903">
        <v>113</v>
      </c>
      <c r="S10" s="917">
        <v>111</v>
      </c>
      <c r="T10" s="916">
        <v>1011</v>
      </c>
      <c r="U10" s="903">
        <v>500</v>
      </c>
      <c r="V10" s="969">
        <v>511</v>
      </c>
      <c r="W10" s="916">
        <v>787</v>
      </c>
      <c r="X10" s="903">
        <v>387</v>
      </c>
      <c r="Y10" s="969">
        <v>400</v>
      </c>
    </row>
    <row r="11" spans="1:25" ht="20.25" customHeight="1">
      <c r="A11" s="338"/>
      <c r="B11" s="341">
        <v>27796</v>
      </c>
      <c r="C11" s="343" t="s">
        <v>718</v>
      </c>
      <c r="D11" s="538"/>
      <c r="E11" s="916">
        <v>-50</v>
      </c>
      <c r="F11" s="903">
        <v>-67</v>
      </c>
      <c r="G11" s="969">
        <v>17</v>
      </c>
      <c r="H11" s="916">
        <v>-4</v>
      </c>
      <c r="I11" s="903">
        <v>-2</v>
      </c>
      <c r="J11" s="917">
        <v>-2</v>
      </c>
      <c r="K11" s="916" t="s">
        <v>70</v>
      </c>
      <c r="L11" s="903" t="s">
        <v>70</v>
      </c>
      <c r="M11" s="903" t="s">
        <v>70</v>
      </c>
      <c r="N11" s="969">
        <v>4</v>
      </c>
      <c r="O11" s="916">
        <v>2</v>
      </c>
      <c r="P11" s="916">
        <v>2</v>
      </c>
      <c r="Q11" s="916">
        <v>-46</v>
      </c>
      <c r="R11" s="903">
        <v>-65</v>
      </c>
      <c r="S11" s="917">
        <v>19</v>
      </c>
      <c r="T11" s="916">
        <v>587</v>
      </c>
      <c r="U11" s="903">
        <v>266</v>
      </c>
      <c r="V11" s="969">
        <v>321</v>
      </c>
      <c r="W11" s="916">
        <v>633</v>
      </c>
      <c r="X11" s="903">
        <v>331</v>
      </c>
      <c r="Y11" s="969">
        <v>302</v>
      </c>
    </row>
    <row r="12" spans="1:25" ht="20.25" customHeight="1">
      <c r="A12" s="1145" t="s">
        <v>421</v>
      </c>
      <c r="B12" s="341">
        <v>28727</v>
      </c>
      <c r="C12" s="343" t="s">
        <v>636</v>
      </c>
      <c r="D12" s="1147" t="s">
        <v>637</v>
      </c>
      <c r="E12" s="916">
        <v>-563</v>
      </c>
      <c r="F12" s="903">
        <v>-304</v>
      </c>
      <c r="G12" s="969">
        <v>-259</v>
      </c>
      <c r="H12" s="916">
        <v>-8</v>
      </c>
      <c r="I12" s="903">
        <v>-7</v>
      </c>
      <c r="J12" s="917">
        <v>-1</v>
      </c>
      <c r="K12" s="916" t="s">
        <v>70</v>
      </c>
      <c r="L12" s="903" t="s">
        <v>70</v>
      </c>
      <c r="M12" s="903" t="s">
        <v>70</v>
      </c>
      <c r="N12" s="969">
        <v>8</v>
      </c>
      <c r="O12" s="916">
        <v>7</v>
      </c>
      <c r="P12" s="916">
        <v>1</v>
      </c>
      <c r="Q12" s="916">
        <v>-555</v>
      </c>
      <c r="R12" s="903">
        <v>-297</v>
      </c>
      <c r="S12" s="917">
        <v>-258</v>
      </c>
      <c r="T12" s="916">
        <v>4330</v>
      </c>
      <c r="U12" s="903">
        <v>2117</v>
      </c>
      <c r="V12" s="969">
        <v>2213</v>
      </c>
      <c r="W12" s="916">
        <v>4885</v>
      </c>
      <c r="X12" s="903">
        <v>2414</v>
      </c>
      <c r="Y12" s="969">
        <v>2471</v>
      </c>
    </row>
    <row r="13" spans="1:25" ht="20.25" customHeight="1">
      <c r="A13" s="1145"/>
      <c r="B13" s="341">
        <v>30565</v>
      </c>
      <c r="C13" s="343" t="s">
        <v>647</v>
      </c>
      <c r="D13" s="1147"/>
      <c r="E13" s="916">
        <v>141</v>
      </c>
      <c r="F13" s="903">
        <v>94</v>
      </c>
      <c r="G13" s="969">
        <v>47</v>
      </c>
      <c r="H13" s="916">
        <v>-23</v>
      </c>
      <c r="I13" s="903">
        <v>-17</v>
      </c>
      <c r="J13" s="917">
        <v>-6</v>
      </c>
      <c r="K13" s="916" t="s">
        <v>70</v>
      </c>
      <c r="L13" s="903" t="s">
        <v>70</v>
      </c>
      <c r="M13" s="903" t="s">
        <v>70</v>
      </c>
      <c r="N13" s="969">
        <v>23</v>
      </c>
      <c r="O13" s="916">
        <v>17</v>
      </c>
      <c r="P13" s="916">
        <v>6</v>
      </c>
      <c r="Q13" s="916">
        <v>164</v>
      </c>
      <c r="R13" s="903">
        <v>111</v>
      </c>
      <c r="S13" s="917">
        <v>53</v>
      </c>
      <c r="T13" s="916">
        <v>2608</v>
      </c>
      <c r="U13" s="903">
        <v>1434</v>
      </c>
      <c r="V13" s="969">
        <v>1174</v>
      </c>
      <c r="W13" s="916">
        <v>2444</v>
      </c>
      <c r="X13" s="903">
        <v>1323</v>
      </c>
      <c r="Y13" s="969">
        <v>1121</v>
      </c>
    </row>
    <row r="14" spans="1:25" ht="20.25" customHeight="1">
      <c r="A14" s="1145"/>
      <c r="B14" s="324">
        <v>44422</v>
      </c>
      <c r="C14" s="344" t="s">
        <v>768</v>
      </c>
      <c r="D14" s="1147"/>
      <c r="E14" s="918">
        <v>139</v>
      </c>
      <c r="F14" s="904">
        <v>58</v>
      </c>
      <c r="G14" s="968">
        <v>81</v>
      </c>
      <c r="H14" s="904">
        <v>-56</v>
      </c>
      <c r="I14" s="904">
        <v>-31</v>
      </c>
      <c r="J14" s="919">
        <v>-25</v>
      </c>
      <c r="K14" s="904" t="s">
        <v>70</v>
      </c>
      <c r="L14" s="904" t="s">
        <v>70</v>
      </c>
      <c r="M14" s="904" t="s">
        <v>70</v>
      </c>
      <c r="N14" s="968">
        <v>56</v>
      </c>
      <c r="O14" s="918">
        <v>31</v>
      </c>
      <c r="P14" s="918">
        <v>25</v>
      </c>
      <c r="Q14" s="918">
        <v>195</v>
      </c>
      <c r="R14" s="904">
        <v>89</v>
      </c>
      <c r="S14" s="919">
        <v>106</v>
      </c>
      <c r="T14" s="918">
        <v>1494</v>
      </c>
      <c r="U14" s="904">
        <v>828</v>
      </c>
      <c r="V14" s="968">
        <v>666</v>
      </c>
      <c r="W14" s="918">
        <v>1299</v>
      </c>
      <c r="X14" s="904">
        <v>739</v>
      </c>
      <c r="Y14" s="968">
        <v>560</v>
      </c>
    </row>
    <row r="15" spans="1:25" ht="20.25" customHeight="1">
      <c r="A15" s="1145"/>
      <c r="B15" s="341">
        <v>47921</v>
      </c>
      <c r="C15" s="343" t="s">
        <v>752</v>
      </c>
      <c r="D15" s="1147"/>
      <c r="E15" s="916">
        <v>84</v>
      </c>
      <c r="F15" s="903">
        <v>5</v>
      </c>
      <c r="G15" s="969">
        <v>79</v>
      </c>
      <c r="H15" s="916">
        <v>-144</v>
      </c>
      <c r="I15" s="903">
        <v>-96</v>
      </c>
      <c r="J15" s="917">
        <v>-48</v>
      </c>
      <c r="K15" s="916" t="s">
        <v>70</v>
      </c>
      <c r="L15" s="903" t="s">
        <v>70</v>
      </c>
      <c r="M15" s="903" t="s">
        <v>70</v>
      </c>
      <c r="N15" s="969">
        <v>144</v>
      </c>
      <c r="O15" s="916">
        <v>96</v>
      </c>
      <c r="P15" s="916">
        <v>48</v>
      </c>
      <c r="Q15" s="916">
        <v>228</v>
      </c>
      <c r="R15" s="903">
        <v>101</v>
      </c>
      <c r="S15" s="917">
        <v>127</v>
      </c>
      <c r="T15" s="916">
        <v>1116</v>
      </c>
      <c r="U15" s="903">
        <v>604</v>
      </c>
      <c r="V15" s="969">
        <v>512</v>
      </c>
      <c r="W15" s="916">
        <v>888</v>
      </c>
      <c r="X15" s="903">
        <v>503</v>
      </c>
      <c r="Y15" s="969">
        <v>385</v>
      </c>
    </row>
    <row r="16" spans="1:25" ht="20.25" customHeight="1">
      <c r="A16" s="1145"/>
      <c r="B16" s="341">
        <v>42426</v>
      </c>
      <c r="C16" s="343" t="s">
        <v>769</v>
      </c>
      <c r="D16" s="1147"/>
      <c r="E16" s="916">
        <v>-182</v>
      </c>
      <c r="F16" s="903">
        <v>-139</v>
      </c>
      <c r="G16" s="969">
        <v>-43</v>
      </c>
      <c r="H16" s="916">
        <v>-319</v>
      </c>
      <c r="I16" s="903">
        <v>-226</v>
      </c>
      <c r="J16" s="917">
        <v>-93</v>
      </c>
      <c r="K16" s="916" t="s">
        <v>70</v>
      </c>
      <c r="L16" s="903" t="s">
        <v>70</v>
      </c>
      <c r="M16" s="903" t="s">
        <v>70</v>
      </c>
      <c r="N16" s="969">
        <v>319</v>
      </c>
      <c r="O16" s="916">
        <v>226</v>
      </c>
      <c r="P16" s="916">
        <v>93</v>
      </c>
      <c r="Q16" s="916">
        <v>137</v>
      </c>
      <c r="R16" s="903">
        <v>87</v>
      </c>
      <c r="S16" s="917">
        <v>50</v>
      </c>
      <c r="T16" s="916">
        <v>684</v>
      </c>
      <c r="U16" s="903">
        <v>371</v>
      </c>
      <c r="V16" s="969">
        <v>313</v>
      </c>
      <c r="W16" s="916">
        <v>547</v>
      </c>
      <c r="X16" s="903">
        <v>284</v>
      </c>
      <c r="Y16" s="969">
        <v>263</v>
      </c>
    </row>
    <row r="17" spans="1:25" ht="20.25" customHeight="1">
      <c r="A17" s="1145"/>
      <c r="B17" s="341">
        <v>50253</v>
      </c>
      <c r="C17" s="343" t="s">
        <v>770</v>
      </c>
      <c r="D17" s="1147"/>
      <c r="E17" s="916">
        <v>-764</v>
      </c>
      <c r="F17" s="903">
        <v>-508</v>
      </c>
      <c r="G17" s="969">
        <v>-256</v>
      </c>
      <c r="H17" s="916">
        <v>-880</v>
      </c>
      <c r="I17" s="903">
        <v>-577</v>
      </c>
      <c r="J17" s="917">
        <v>-303</v>
      </c>
      <c r="K17" s="916" t="s">
        <v>70</v>
      </c>
      <c r="L17" s="903" t="s">
        <v>70</v>
      </c>
      <c r="M17" s="903" t="s">
        <v>70</v>
      </c>
      <c r="N17" s="969">
        <v>880</v>
      </c>
      <c r="O17" s="916">
        <v>577</v>
      </c>
      <c r="P17" s="916">
        <v>303</v>
      </c>
      <c r="Q17" s="916">
        <v>116</v>
      </c>
      <c r="R17" s="903">
        <v>69</v>
      </c>
      <c r="S17" s="917">
        <v>47</v>
      </c>
      <c r="T17" s="916">
        <v>579</v>
      </c>
      <c r="U17" s="903">
        <v>280</v>
      </c>
      <c r="V17" s="969">
        <v>299</v>
      </c>
      <c r="W17" s="916">
        <v>463</v>
      </c>
      <c r="X17" s="903">
        <v>211</v>
      </c>
      <c r="Y17" s="969">
        <v>252</v>
      </c>
    </row>
    <row r="18" spans="1:25" ht="20.25" customHeight="1">
      <c r="A18" s="1145"/>
      <c r="B18" s="341">
        <v>28788</v>
      </c>
      <c r="C18" s="343" t="s">
        <v>755</v>
      </c>
      <c r="D18" s="1147"/>
      <c r="E18" s="916">
        <v>-1563</v>
      </c>
      <c r="F18" s="903">
        <v>-858</v>
      </c>
      <c r="G18" s="969">
        <v>-705</v>
      </c>
      <c r="H18" s="916">
        <v>-1622</v>
      </c>
      <c r="I18" s="903">
        <v>-883</v>
      </c>
      <c r="J18" s="917">
        <v>-739</v>
      </c>
      <c r="K18" s="916" t="s">
        <v>70</v>
      </c>
      <c r="L18" s="903" t="s">
        <v>70</v>
      </c>
      <c r="M18" s="903" t="s">
        <v>70</v>
      </c>
      <c r="N18" s="969">
        <v>1622</v>
      </c>
      <c r="O18" s="916">
        <v>883</v>
      </c>
      <c r="P18" s="916">
        <v>739</v>
      </c>
      <c r="Q18" s="916">
        <v>59</v>
      </c>
      <c r="R18" s="903">
        <v>25</v>
      </c>
      <c r="S18" s="917">
        <v>34</v>
      </c>
      <c r="T18" s="916">
        <v>338</v>
      </c>
      <c r="U18" s="903">
        <v>124</v>
      </c>
      <c r="V18" s="969">
        <v>214</v>
      </c>
      <c r="W18" s="916">
        <v>279</v>
      </c>
      <c r="X18" s="903">
        <v>99</v>
      </c>
      <c r="Y18" s="969">
        <v>180</v>
      </c>
    </row>
    <row r="19" spans="1:25" ht="20.25" customHeight="1">
      <c r="A19" s="1145"/>
      <c r="B19" s="324">
        <v>6785</v>
      </c>
      <c r="C19" s="344" t="s">
        <v>668</v>
      </c>
      <c r="D19" s="1147"/>
      <c r="E19" s="918">
        <v>-1125</v>
      </c>
      <c r="F19" s="904">
        <v>-407</v>
      </c>
      <c r="G19" s="968">
        <v>-718</v>
      </c>
      <c r="H19" s="918">
        <v>-1160</v>
      </c>
      <c r="I19" s="904">
        <v>-418</v>
      </c>
      <c r="J19" s="919">
        <v>-742</v>
      </c>
      <c r="K19" s="918" t="s">
        <v>70</v>
      </c>
      <c r="L19" s="904" t="s">
        <v>70</v>
      </c>
      <c r="M19" s="904" t="s">
        <v>70</v>
      </c>
      <c r="N19" s="968">
        <v>1160</v>
      </c>
      <c r="O19" s="918">
        <v>418</v>
      </c>
      <c r="P19" s="918">
        <v>742</v>
      </c>
      <c r="Q19" s="918">
        <v>35</v>
      </c>
      <c r="R19" s="904">
        <v>11</v>
      </c>
      <c r="S19" s="919">
        <v>24</v>
      </c>
      <c r="T19" s="918">
        <v>111</v>
      </c>
      <c r="U19" s="904">
        <v>29</v>
      </c>
      <c r="V19" s="968">
        <v>82</v>
      </c>
      <c r="W19" s="918">
        <v>76</v>
      </c>
      <c r="X19" s="904">
        <v>18</v>
      </c>
      <c r="Y19" s="968">
        <v>58</v>
      </c>
    </row>
    <row r="20" spans="1:25" ht="20.25" customHeight="1" thickBot="1">
      <c r="A20" s="1146"/>
      <c r="B20" s="979">
        <v>259</v>
      </c>
      <c r="C20" s="251" t="s">
        <v>669</v>
      </c>
      <c r="D20" s="980"/>
      <c r="E20" s="927">
        <v>-104</v>
      </c>
      <c r="F20" s="928">
        <v>-19</v>
      </c>
      <c r="G20" s="981">
        <v>-85</v>
      </c>
      <c r="H20" s="928">
        <v>-107</v>
      </c>
      <c r="I20" s="928">
        <v>-20</v>
      </c>
      <c r="J20" s="982">
        <v>-87</v>
      </c>
      <c r="K20" s="927" t="s">
        <v>70</v>
      </c>
      <c r="L20" s="928" t="s">
        <v>70</v>
      </c>
      <c r="M20" s="928" t="s">
        <v>70</v>
      </c>
      <c r="N20" s="981">
        <v>107</v>
      </c>
      <c r="O20" s="927">
        <v>20</v>
      </c>
      <c r="P20" s="927">
        <v>87</v>
      </c>
      <c r="Q20" s="927">
        <v>3</v>
      </c>
      <c r="R20" s="928">
        <v>1</v>
      </c>
      <c r="S20" s="982">
        <v>2</v>
      </c>
      <c r="T20" s="927">
        <v>4</v>
      </c>
      <c r="U20" s="928">
        <v>1</v>
      </c>
      <c r="V20" s="981">
        <v>3</v>
      </c>
      <c r="W20" s="927">
        <v>1</v>
      </c>
      <c r="X20" s="928">
        <v>0</v>
      </c>
      <c r="Y20" s="981">
        <v>1</v>
      </c>
    </row>
    <row r="21" spans="1:25" ht="20.25" customHeight="1" thickTop="1">
      <c r="A21" s="339"/>
      <c r="B21" s="539" t="s">
        <v>189</v>
      </c>
      <c r="C21" s="246"/>
      <c r="D21" s="535"/>
      <c r="E21" s="970"/>
      <c r="F21" s="970"/>
      <c r="G21" s="971"/>
      <c r="H21" s="972"/>
      <c r="I21" s="970"/>
      <c r="J21" s="971"/>
      <c r="K21" s="972"/>
      <c r="L21" s="970"/>
      <c r="M21" s="970"/>
      <c r="N21" s="971"/>
      <c r="O21" s="972"/>
      <c r="P21" s="972"/>
      <c r="Q21" s="970"/>
      <c r="R21" s="970"/>
      <c r="S21" s="971"/>
      <c r="T21" s="972"/>
      <c r="U21" s="970"/>
      <c r="V21" s="978"/>
      <c r="W21" s="972"/>
      <c r="X21" s="970"/>
      <c r="Y21" s="971"/>
    </row>
    <row r="22" spans="1:25" ht="20.25" customHeight="1">
      <c r="A22" s="333"/>
      <c r="B22" s="340">
        <v>336119</v>
      </c>
      <c r="C22" s="334" t="s">
        <v>191</v>
      </c>
      <c r="D22" s="335"/>
      <c r="E22" s="964"/>
      <c r="F22" s="965"/>
      <c r="G22" s="966"/>
      <c r="H22" s="964"/>
      <c r="I22" s="965"/>
      <c r="J22" s="967"/>
      <c r="K22" s="964"/>
      <c r="L22" s="965"/>
      <c r="M22" s="965"/>
      <c r="N22" s="966"/>
      <c r="O22" s="964"/>
      <c r="P22" s="964"/>
      <c r="Q22" s="964"/>
      <c r="R22" s="965"/>
      <c r="S22" s="967"/>
      <c r="T22" s="966"/>
      <c r="U22" s="965"/>
      <c r="V22" s="967"/>
      <c r="W22" s="964"/>
      <c r="X22" s="965"/>
      <c r="Y22" s="966"/>
    </row>
    <row r="23" spans="1:25" ht="12.75" customHeight="1">
      <c r="A23" s="339"/>
      <c r="B23" s="346"/>
      <c r="C23" s="315"/>
      <c r="D23" s="337"/>
      <c r="E23" s="918"/>
      <c r="F23" s="904"/>
      <c r="G23" s="968"/>
      <c r="H23" s="918"/>
      <c r="I23" s="904"/>
      <c r="J23" s="919"/>
      <c r="K23" s="918"/>
      <c r="L23" s="904"/>
      <c r="M23" s="904"/>
      <c r="N23" s="968"/>
      <c r="O23" s="918"/>
      <c r="P23" s="904"/>
      <c r="Q23" s="918"/>
      <c r="R23" s="904"/>
      <c r="S23" s="919"/>
      <c r="T23" s="968"/>
      <c r="U23" s="904"/>
      <c r="V23" s="968"/>
      <c r="W23" s="918"/>
      <c r="X23" s="904"/>
      <c r="Y23" s="968"/>
    </row>
    <row r="24" spans="1:25" ht="20.25" customHeight="1">
      <c r="A24" s="333" t="s">
        <v>756</v>
      </c>
      <c r="B24" s="341">
        <v>21689</v>
      </c>
      <c r="C24" s="342" t="s">
        <v>671</v>
      </c>
      <c r="D24" s="335" t="s">
        <v>756</v>
      </c>
      <c r="E24" s="916"/>
      <c r="F24" s="903"/>
      <c r="G24" s="969"/>
      <c r="H24" s="916"/>
      <c r="I24" s="903"/>
      <c r="J24" s="917"/>
      <c r="K24" s="916"/>
      <c r="L24" s="903"/>
      <c r="M24" s="903"/>
      <c r="N24" s="969"/>
      <c r="O24" s="916"/>
      <c r="P24" s="916"/>
      <c r="Q24" s="916"/>
      <c r="R24" s="903"/>
      <c r="S24" s="917"/>
      <c r="T24" s="916"/>
      <c r="U24" s="903"/>
      <c r="V24" s="969"/>
      <c r="W24" s="916"/>
      <c r="X24" s="903"/>
      <c r="Y24" s="969"/>
    </row>
    <row r="25" spans="1:25" ht="20.25" customHeight="1">
      <c r="A25" s="338"/>
      <c r="B25" s="341">
        <v>28335</v>
      </c>
      <c r="C25" s="343" t="s">
        <v>682</v>
      </c>
      <c r="D25" s="538"/>
      <c r="E25" s="916"/>
      <c r="F25" s="903"/>
      <c r="G25" s="969"/>
      <c r="H25" s="916"/>
      <c r="I25" s="903"/>
      <c r="J25" s="917"/>
      <c r="K25" s="916"/>
      <c r="L25" s="903"/>
      <c r="M25" s="903"/>
      <c r="N25" s="969"/>
      <c r="O25" s="916"/>
      <c r="P25" s="916"/>
      <c r="Q25" s="916"/>
      <c r="R25" s="903"/>
      <c r="S25" s="917"/>
      <c r="T25" s="916"/>
      <c r="U25" s="903"/>
      <c r="V25" s="969"/>
      <c r="W25" s="916"/>
      <c r="X25" s="903"/>
      <c r="Y25" s="969"/>
    </row>
    <row r="26" spans="1:25" ht="20.25" customHeight="1">
      <c r="A26" s="1145" t="s">
        <v>447</v>
      </c>
      <c r="B26" s="341">
        <v>28935</v>
      </c>
      <c r="C26" s="343" t="s">
        <v>771</v>
      </c>
      <c r="D26" s="1147" t="s">
        <v>646</v>
      </c>
      <c r="E26" s="916"/>
      <c r="F26" s="903"/>
      <c r="G26" s="969"/>
      <c r="H26" s="916"/>
      <c r="I26" s="903"/>
      <c r="J26" s="917"/>
      <c r="K26" s="916"/>
      <c r="L26" s="903"/>
      <c r="M26" s="903"/>
      <c r="N26" s="969"/>
      <c r="O26" s="916"/>
      <c r="P26" s="916"/>
      <c r="Q26" s="916"/>
      <c r="R26" s="903"/>
      <c r="S26" s="917"/>
      <c r="T26" s="916"/>
      <c r="U26" s="903"/>
      <c r="V26" s="969"/>
      <c r="W26" s="916"/>
      <c r="X26" s="903"/>
      <c r="Y26" s="969"/>
    </row>
    <row r="27" spans="1:25" ht="20.25" customHeight="1">
      <c r="A27" s="1145"/>
      <c r="B27" s="341">
        <v>31344</v>
      </c>
      <c r="C27" s="343" t="s">
        <v>683</v>
      </c>
      <c r="D27" s="1147"/>
      <c r="E27" s="916"/>
      <c r="F27" s="903"/>
      <c r="G27" s="969"/>
      <c r="H27" s="916"/>
      <c r="I27" s="903"/>
      <c r="J27" s="917"/>
      <c r="K27" s="916"/>
      <c r="L27" s="903"/>
      <c r="M27" s="903"/>
      <c r="N27" s="969"/>
      <c r="O27" s="916"/>
      <c r="P27" s="916"/>
      <c r="Q27" s="916"/>
      <c r="R27" s="903"/>
      <c r="S27" s="917"/>
      <c r="T27" s="916"/>
      <c r="U27" s="903"/>
      <c r="V27" s="969"/>
      <c r="W27" s="916"/>
      <c r="X27" s="903"/>
      <c r="Y27" s="969"/>
    </row>
    <row r="28" spans="1:25" ht="20.25" customHeight="1">
      <c r="A28" s="1145"/>
      <c r="B28" s="324">
        <v>45875</v>
      </c>
      <c r="C28" s="344" t="s">
        <v>759</v>
      </c>
      <c r="D28" s="1147"/>
      <c r="E28" s="918"/>
      <c r="F28" s="904"/>
      <c r="G28" s="968"/>
      <c r="H28" s="904"/>
      <c r="I28" s="904"/>
      <c r="J28" s="919"/>
      <c r="K28" s="904"/>
      <c r="L28" s="904"/>
      <c r="M28" s="904"/>
      <c r="N28" s="968"/>
      <c r="O28" s="918"/>
      <c r="P28" s="918"/>
      <c r="Q28" s="918"/>
      <c r="R28" s="904"/>
      <c r="S28" s="919"/>
      <c r="T28" s="918"/>
      <c r="U28" s="904"/>
      <c r="V28" s="968"/>
      <c r="W28" s="918"/>
      <c r="X28" s="904"/>
      <c r="Y28" s="968"/>
    </row>
    <row r="29" spans="1:25" ht="20.25" customHeight="1">
      <c r="A29" s="1145"/>
      <c r="B29" s="341">
        <v>46716</v>
      </c>
      <c r="C29" s="343" t="s">
        <v>752</v>
      </c>
      <c r="D29" s="1147"/>
      <c r="E29" s="916"/>
      <c r="F29" s="903"/>
      <c r="G29" s="969"/>
      <c r="H29" s="916"/>
      <c r="I29" s="903"/>
      <c r="J29" s="917"/>
      <c r="K29" s="916"/>
      <c r="L29" s="903"/>
      <c r="M29" s="903"/>
      <c r="N29" s="969"/>
      <c r="O29" s="916"/>
      <c r="P29" s="916"/>
      <c r="Q29" s="916"/>
      <c r="R29" s="903"/>
      <c r="S29" s="917"/>
      <c r="T29" s="916"/>
      <c r="U29" s="903"/>
      <c r="V29" s="969"/>
      <c r="W29" s="916"/>
      <c r="X29" s="903"/>
      <c r="Y29" s="969"/>
    </row>
    <row r="30" spans="1:25" ht="20.25" customHeight="1">
      <c r="A30" s="1145"/>
      <c r="B30" s="341">
        <v>43750</v>
      </c>
      <c r="C30" s="343" t="s">
        <v>684</v>
      </c>
      <c r="D30" s="1147"/>
      <c r="E30" s="916"/>
      <c r="F30" s="903"/>
      <c r="G30" s="969"/>
      <c r="H30" s="916"/>
      <c r="I30" s="903"/>
      <c r="J30" s="917"/>
      <c r="K30" s="916"/>
      <c r="L30" s="903"/>
      <c r="M30" s="903"/>
      <c r="N30" s="969"/>
      <c r="O30" s="916"/>
      <c r="P30" s="916"/>
      <c r="Q30" s="916"/>
      <c r="R30" s="903"/>
      <c r="S30" s="917"/>
      <c r="T30" s="916"/>
      <c r="U30" s="903"/>
      <c r="V30" s="969"/>
      <c r="W30" s="916"/>
      <c r="X30" s="903"/>
      <c r="Y30" s="969"/>
    </row>
    <row r="31" spans="1:25" ht="20.25" customHeight="1">
      <c r="A31" s="1145"/>
      <c r="B31" s="341">
        <v>50194</v>
      </c>
      <c r="C31" s="343" t="s">
        <v>770</v>
      </c>
      <c r="D31" s="1147"/>
      <c r="E31" s="916"/>
      <c r="F31" s="903"/>
      <c r="G31" s="969"/>
      <c r="H31" s="916"/>
      <c r="I31" s="903"/>
      <c r="J31" s="917"/>
      <c r="K31" s="916"/>
      <c r="L31" s="903"/>
      <c r="M31" s="903"/>
      <c r="N31" s="969"/>
      <c r="O31" s="916"/>
      <c r="P31" s="916"/>
      <c r="Q31" s="916"/>
      <c r="R31" s="903"/>
      <c r="S31" s="917"/>
      <c r="T31" s="916"/>
      <c r="U31" s="903"/>
      <c r="V31" s="969"/>
      <c r="W31" s="916"/>
      <c r="X31" s="903"/>
      <c r="Y31" s="969"/>
    </row>
    <row r="32" spans="1:25" ht="20.25" customHeight="1">
      <c r="A32" s="1145"/>
      <c r="B32" s="341">
        <v>27563</v>
      </c>
      <c r="C32" s="343" t="s">
        <v>772</v>
      </c>
      <c r="D32" s="1147"/>
      <c r="E32" s="916"/>
      <c r="F32" s="903"/>
      <c r="G32" s="969"/>
      <c r="H32" s="916"/>
      <c r="I32" s="903"/>
      <c r="J32" s="917"/>
      <c r="K32" s="916"/>
      <c r="L32" s="903"/>
      <c r="M32" s="903"/>
      <c r="N32" s="969"/>
      <c r="O32" s="916"/>
      <c r="P32" s="916"/>
      <c r="Q32" s="916"/>
      <c r="R32" s="903"/>
      <c r="S32" s="917"/>
      <c r="T32" s="916"/>
      <c r="U32" s="903"/>
      <c r="V32" s="969"/>
      <c r="W32" s="916"/>
      <c r="X32" s="903"/>
      <c r="Y32" s="969"/>
    </row>
    <row r="33" spans="1:25" ht="20.25" customHeight="1">
      <c r="A33" s="1145"/>
      <c r="B33" s="324">
        <v>6436</v>
      </c>
      <c r="C33" s="344" t="s">
        <v>668</v>
      </c>
      <c r="D33" s="1147"/>
      <c r="E33" s="918"/>
      <c r="F33" s="904"/>
      <c r="G33" s="968"/>
      <c r="H33" s="918"/>
      <c r="I33" s="904"/>
      <c r="J33" s="919"/>
      <c r="K33" s="918"/>
      <c r="L33" s="904"/>
      <c r="M33" s="904"/>
      <c r="N33" s="968"/>
      <c r="O33" s="918"/>
      <c r="P33" s="918"/>
      <c r="Q33" s="918"/>
      <c r="R33" s="904"/>
      <c r="S33" s="919"/>
      <c r="T33" s="918"/>
      <c r="U33" s="904"/>
      <c r="V33" s="968"/>
      <c r="W33" s="918"/>
      <c r="X33" s="904"/>
      <c r="Y33" s="968"/>
    </row>
    <row r="34" spans="1:25" ht="20.25" customHeight="1" thickBot="1">
      <c r="A34" s="1146"/>
      <c r="B34" s="979">
        <v>217</v>
      </c>
      <c r="C34" s="251" t="s">
        <v>760</v>
      </c>
      <c r="D34" s="980"/>
      <c r="E34" s="927"/>
      <c r="F34" s="928"/>
      <c r="G34" s="981"/>
      <c r="H34" s="928"/>
      <c r="I34" s="928"/>
      <c r="J34" s="982"/>
      <c r="K34" s="927"/>
      <c r="L34" s="928"/>
      <c r="M34" s="928"/>
      <c r="N34" s="981"/>
      <c r="O34" s="927"/>
      <c r="P34" s="927"/>
      <c r="Q34" s="927"/>
      <c r="R34" s="928"/>
      <c r="S34" s="982"/>
      <c r="T34" s="927"/>
      <c r="U34" s="928"/>
      <c r="V34" s="981"/>
      <c r="W34" s="927"/>
      <c r="X34" s="928"/>
      <c r="Y34" s="981"/>
    </row>
    <row r="35" spans="1:25" ht="20.25" customHeight="1" thickTop="1">
      <c r="A35" s="339"/>
      <c r="B35" s="539" t="s">
        <v>189</v>
      </c>
      <c r="C35" s="246"/>
      <c r="D35" s="535"/>
      <c r="E35" s="970"/>
      <c r="F35" s="970"/>
      <c r="G35" s="971"/>
      <c r="H35" s="972"/>
      <c r="I35" s="970"/>
      <c r="J35" s="971"/>
      <c r="K35" s="972"/>
      <c r="L35" s="970"/>
      <c r="M35" s="970"/>
      <c r="N35" s="971"/>
      <c r="O35" s="972"/>
      <c r="P35" s="972"/>
      <c r="Q35" s="970"/>
      <c r="R35" s="970"/>
      <c r="S35" s="971"/>
      <c r="T35" s="972"/>
      <c r="U35" s="970"/>
      <c r="V35" s="971"/>
      <c r="W35" s="972"/>
      <c r="X35" s="970"/>
      <c r="Y35" s="971"/>
    </row>
    <row r="36" spans="1:25" ht="20.25" customHeight="1">
      <c r="A36" s="339" t="s">
        <v>679</v>
      </c>
      <c r="B36" s="973">
        <v>-2039</v>
      </c>
      <c r="C36" s="334" t="s">
        <v>191</v>
      </c>
      <c r="D36" s="339" t="s">
        <v>679</v>
      </c>
      <c r="E36" s="964"/>
      <c r="F36" s="965"/>
      <c r="G36" s="966"/>
      <c r="H36" s="964"/>
      <c r="I36" s="965"/>
      <c r="J36" s="967"/>
      <c r="K36" s="964"/>
      <c r="L36" s="965"/>
      <c r="M36" s="965"/>
      <c r="N36" s="966"/>
      <c r="O36" s="964"/>
      <c r="P36" s="964"/>
      <c r="Q36" s="964"/>
      <c r="R36" s="965"/>
      <c r="S36" s="967"/>
      <c r="T36" s="966"/>
      <c r="U36" s="965"/>
      <c r="V36" s="966"/>
      <c r="W36" s="964"/>
      <c r="X36" s="965"/>
      <c r="Y36" s="966"/>
    </row>
    <row r="37" spans="1:25" ht="12.75" customHeight="1">
      <c r="A37" s="339" t="s">
        <v>762</v>
      </c>
      <c r="B37" s="974"/>
      <c r="C37" s="315"/>
      <c r="D37" s="339" t="s">
        <v>773</v>
      </c>
      <c r="E37" s="918"/>
      <c r="F37" s="904"/>
      <c r="G37" s="968"/>
      <c r="H37" s="918"/>
      <c r="I37" s="904"/>
      <c r="J37" s="919"/>
      <c r="K37" s="918"/>
      <c r="L37" s="904"/>
      <c r="M37" s="904"/>
      <c r="N37" s="968"/>
      <c r="O37" s="918"/>
      <c r="P37" s="904"/>
      <c r="Q37" s="918"/>
      <c r="R37" s="904"/>
      <c r="S37" s="919"/>
      <c r="T37" s="968"/>
      <c r="U37" s="904"/>
      <c r="V37" s="968"/>
      <c r="W37" s="918"/>
      <c r="X37" s="904"/>
      <c r="Y37" s="968"/>
    </row>
    <row r="38" spans="1:25" ht="20.25" customHeight="1">
      <c r="A38" s="339" t="s">
        <v>756</v>
      </c>
      <c r="B38" s="975">
        <v>-614</v>
      </c>
      <c r="C38" s="342" t="s">
        <v>774</v>
      </c>
      <c r="D38" s="339" t="s">
        <v>756</v>
      </c>
      <c r="E38" s="916"/>
      <c r="F38" s="903"/>
      <c r="G38" s="969"/>
      <c r="H38" s="916"/>
      <c r="I38" s="903"/>
      <c r="J38" s="917"/>
      <c r="K38" s="916"/>
      <c r="L38" s="903"/>
      <c r="M38" s="903"/>
      <c r="N38" s="969"/>
      <c r="O38" s="916"/>
      <c r="P38" s="916"/>
      <c r="Q38" s="916"/>
      <c r="R38" s="903"/>
      <c r="S38" s="917"/>
      <c r="T38" s="916"/>
      <c r="U38" s="903"/>
      <c r="V38" s="969"/>
      <c r="W38" s="916"/>
      <c r="X38" s="903"/>
      <c r="Y38" s="969"/>
    </row>
    <row r="39" spans="1:25" ht="20.25" customHeight="1">
      <c r="A39" s="1145" t="s">
        <v>652</v>
      </c>
      <c r="B39" s="975">
        <v>-539</v>
      </c>
      <c r="C39" s="343" t="s">
        <v>682</v>
      </c>
      <c r="D39" s="1147" t="s">
        <v>653</v>
      </c>
      <c r="E39" s="916"/>
      <c r="F39" s="903"/>
      <c r="G39" s="969"/>
      <c r="H39" s="916"/>
      <c r="I39" s="903"/>
      <c r="J39" s="917"/>
      <c r="K39" s="916"/>
      <c r="L39" s="903"/>
      <c r="M39" s="903"/>
      <c r="N39" s="969"/>
      <c r="O39" s="916"/>
      <c r="P39" s="916"/>
      <c r="Q39" s="916"/>
      <c r="R39" s="903"/>
      <c r="S39" s="917"/>
      <c r="T39" s="916"/>
      <c r="U39" s="903"/>
      <c r="V39" s="969"/>
      <c r="W39" s="916"/>
      <c r="X39" s="903"/>
      <c r="Y39" s="969"/>
    </row>
    <row r="40" spans="1:25" ht="20.25" customHeight="1">
      <c r="A40" s="1145"/>
      <c r="B40" s="975">
        <v>-208</v>
      </c>
      <c r="C40" s="343" t="s">
        <v>758</v>
      </c>
      <c r="D40" s="1147"/>
      <c r="E40" s="916"/>
      <c r="F40" s="903"/>
      <c r="G40" s="969"/>
      <c r="H40" s="916"/>
      <c r="I40" s="903"/>
      <c r="J40" s="917"/>
      <c r="K40" s="916"/>
      <c r="L40" s="903"/>
      <c r="M40" s="903"/>
      <c r="N40" s="969"/>
      <c r="O40" s="916"/>
      <c r="P40" s="916"/>
      <c r="Q40" s="916"/>
      <c r="R40" s="903"/>
      <c r="S40" s="917"/>
      <c r="T40" s="916"/>
      <c r="U40" s="903"/>
      <c r="V40" s="969"/>
      <c r="W40" s="916"/>
      <c r="X40" s="903"/>
      <c r="Y40" s="969"/>
    </row>
    <row r="41" spans="1:25" ht="20.25" customHeight="1">
      <c r="A41" s="1145"/>
      <c r="B41" s="975">
        <v>-779</v>
      </c>
      <c r="C41" s="343" t="s">
        <v>683</v>
      </c>
      <c r="D41" s="1147"/>
      <c r="E41" s="916"/>
      <c r="F41" s="903"/>
      <c r="G41" s="969"/>
      <c r="H41" s="916"/>
      <c r="I41" s="903"/>
      <c r="J41" s="917"/>
      <c r="K41" s="916"/>
      <c r="L41" s="903"/>
      <c r="M41" s="903"/>
      <c r="N41" s="969"/>
      <c r="O41" s="916"/>
      <c r="P41" s="916"/>
      <c r="Q41" s="916"/>
      <c r="R41" s="903"/>
      <c r="S41" s="917"/>
      <c r="T41" s="916"/>
      <c r="U41" s="903"/>
      <c r="V41" s="969"/>
      <c r="W41" s="916"/>
      <c r="X41" s="903"/>
      <c r="Y41" s="969"/>
    </row>
    <row r="42" spans="1:25" ht="20.25" customHeight="1">
      <c r="A42" s="1145"/>
      <c r="B42" s="975">
        <v>-1453</v>
      </c>
      <c r="C42" s="344" t="s">
        <v>759</v>
      </c>
      <c r="D42" s="1147"/>
      <c r="E42" s="918"/>
      <c r="F42" s="904"/>
      <c r="G42" s="968"/>
      <c r="H42" s="904"/>
      <c r="I42" s="904"/>
      <c r="J42" s="919"/>
      <c r="K42" s="904"/>
      <c r="L42" s="904"/>
      <c r="M42" s="904"/>
      <c r="N42" s="968"/>
      <c r="O42" s="918"/>
      <c r="P42" s="918"/>
      <c r="Q42" s="918"/>
      <c r="R42" s="904"/>
      <c r="S42" s="919"/>
      <c r="T42" s="918"/>
      <c r="U42" s="904"/>
      <c r="V42" s="968"/>
      <c r="W42" s="918"/>
      <c r="X42" s="904"/>
      <c r="Y42" s="968"/>
    </row>
    <row r="43" spans="1:25" ht="20.25" customHeight="1">
      <c r="A43" s="1145"/>
      <c r="B43" s="976">
        <v>1205</v>
      </c>
      <c r="C43" s="343" t="s">
        <v>752</v>
      </c>
      <c r="D43" s="1147"/>
      <c r="E43" s="916"/>
      <c r="F43" s="903"/>
      <c r="G43" s="969"/>
      <c r="H43" s="916"/>
      <c r="I43" s="903"/>
      <c r="J43" s="917"/>
      <c r="K43" s="916"/>
      <c r="L43" s="903"/>
      <c r="M43" s="903"/>
      <c r="N43" s="969"/>
      <c r="O43" s="916"/>
      <c r="P43" s="916"/>
      <c r="Q43" s="916"/>
      <c r="R43" s="903"/>
      <c r="S43" s="917"/>
      <c r="T43" s="916"/>
      <c r="U43" s="903"/>
      <c r="V43" s="969"/>
      <c r="W43" s="916"/>
      <c r="X43" s="903"/>
      <c r="Y43" s="969"/>
    </row>
    <row r="44" spans="1:25" ht="20.25" customHeight="1">
      <c r="A44" s="1145"/>
      <c r="B44" s="975">
        <v>-1324</v>
      </c>
      <c r="C44" s="343" t="s">
        <v>684</v>
      </c>
      <c r="D44" s="1147"/>
      <c r="E44" s="916"/>
      <c r="F44" s="903"/>
      <c r="G44" s="969"/>
      <c r="H44" s="916"/>
      <c r="I44" s="903"/>
      <c r="J44" s="917"/>
      <c r="K44" s="916"/>
      <c r="L44" s="903"/>
      <c r="M44" s="903"/>
      <c r="N44" s="969"/>
      <c r="O44" s="916"/>
      <c r="P44" s="916"/>
      <c r="Q44" s="916"/>
      <c r="R44" s="903"/>
      <c r="S44" s="917"/>
      <c r="T44" s="916"/>
      <c r="U44" s="903"/>
      <c r="V44" s="969"/>
      <c r="W44" s="916"/>
      <c r="X44" s="903"/>
      <c r="Y44" s="969"/>
    </row>
    <row r="45" spans="1:25" ht="20.25" customHeight="1">
      <c r="A45" s="1145"/>
      <c r="B45" s="975">
        <v>59</v>
      </c>
      <c r="C45" s="343" t="s">
        <v>770</v>
      </c>
      <c r="D45" s="1147"/>
      <c r="E45" s="916"/>
      <c r="F45" s="903"/>
      <c r="G45" s="969"/>
      <c r="H45" s="916"/>
      <c r="I45" s="903"/>
      <c r="J45" s="917"/>
      <c r="K45" s="916"/>
      <c r="L45" s="903"/>
      <c r="M45" s="903"/>
      <c r="N45" s="969"/>
      <c r="O45" s="916"/>
      <c r="P45" s="916"/>
      <c r="Q45" s="916"/>
      <c r="R45" s="903"/>
      <c r="S45" s="917"/>
      <c r="T45" s="916"/>
      <c r="U45" s="903"/>
      <c r="V45" s="969"/>
      <c r="W45" s="916"/>
      <c r="X45" s="903"/>
      <c r="Y45" s="969"/>
    </row>
    <row r="46" spans="1:25" ht="20.25" customHeight="1">
      <c r="A46" s="1145"/>
      <c r="B46" s="975">
        <v>1225</v>
      </c>
      <c r="C46" s="343" t="s">
        <v>755</v>
      </c>
      <c r="D46" s="1147"/>
      <c r="E46" s="916"/>
      <c r="F46" s="903"/>
      <c r="G46" s="969"/>
      <c r="H46" s="916"/>
      <c r="I46" s="903"/>
      <c r="J46" s="917"/>
      <c r="K46" s="916"/>
      <c r="L46" s="903"/>
      <c r="M46" s="903"/>
      <c r="N46" s="969"/>
      <c r="O46" s="916"/>
      <c r="P46" s="916"/>
      <c r="Q46" s="916"/>
      <c r="R46" s="903"/>
      <c r="S46" s="917"/>
      <c r="T46" s="916"/>
      <c r="U46" s="903"/>
      <c r="V46" s="969"/>
      <c r="W46" s="916"/>
      <c r="X46" s="903"/>
      <c r="Y46" s="969"/>
    </row>
    <row r="47" spans="1:25" ht="20.25" customHeight="1">
      <c r="A47" s="1145"/>
      <c r="B47" s="977">
        <v>349</v>
      </c>
      <c r="C47" s="344" t="s">
        <v>775</v>
      </c>
      <c r="D47" s="1147"/>
      <c r="E47" s="918"/>
      <c r="F47" s="904"/>
      <c r="G47" s="968"/>
      <c r="H47" s="918"/>
      <c r="I47" s="904"/>
      <c r="J47" s="919"/>
      <c r="K47" s="918"/>
      <c r="L47" s="904"/>
      <c r="M47" s="904"/>
      <c r="N47" s="968"/>
      <c r="O47" s="918"/>
      <c r="P47" s="918"/>
      <c r="Q47" s="918"/>
      <c r="R47" s="904"/>
      <c r="S47" s="919"/>
      <c r="T47" s="918"/>
      <c r="U47" s="904"/>
      <c r="V47" s="968"/>
      <c r="W47" s="918"/>
      <c r="X47" s="904"/>
      <c r="Y47" s="968"/>
    </row>
    <row r="48" spans="1:25" ht="20.25" customHeight="1" thickBot="1">
      <c r="A48" s="1146"/>
      <c r="B48" s="983">
        <v>42</v>
      </c>
      <c r="C48" s="251" t="s">
        <v>669</v>
      </c>
      <c r="D48" s="1148"/>
      <c r="E48" s="927"/>
      <c r="F48" s="928"/>
      <c r="G48" s="981"/>
      <c r="H48" s="928"/>
      <c r="I48" s="928"/>
      <c r="J48" s="982"/>
      <c r="K48" s="927"/>
      <c r="L48" s="928"/>
      <c r="M48" s="928"/>
      <c r="N48" s="981"/>
      <c r="O48" s="927"/>
      <c r="P48" s="927"/>
      <c r="Q48" s="927"/>
      <c r="R48" s="928"/>
      <c r="S48" s="982"/>
      <c r="T48" s="927"/>
      <c r="U48" s="928"/>
      <c r="V48" s="981"/>
      <c r="W48" s="927"/>
      <c r="X48" s="928"/>
      <c r="Y48" s="981"/>
    </row>
    <row r="49" spans="1:25" ht="9.75" customHeight="1" thickTop="1">
      <c r="A49" s="347"/>
      <c r="B49" s="347"/>
      <c r="C49" s="347"/>
      <c r="D49" s="347"/>
      <c r="E49" s="347"/>
      <c r="F49" s="347"/>
      <c r="G49" s="347"/>
      <c r="H49" s="347"/>
      <c r="I49" s="347"/>
    </row>
    <row r="50" spans="1:25" ht="16.5" customHeight="1">
      <c r="A50" s="541" t="s">
        <v>463</v>
      </c>
      <c r="C50" s="542"/>
      <c r="D50" s="542"/>
      <c r="E50" s="542"/>
      <c r="F50" s="542"/>
      <c r="G50" s="542"/>
      <c r="H50" s="542"/>
      <c r="I50" s="542"/>
      <c r="J50" s="542"/>
      <c r="K50" s="543"/>
      <c r="L50" s="322"/>
      <c r="M50" s="322"/>
      <c r="N50" s="322"/>
      <c r="O50" s="322"/>
      <c r="P50" s="322"/>
      <c r="Q50" s="322"/>
      <c r="R50" s="322"/>
      <c r="S50" s="322"/>
      <c r="T50" s="322"/>
      <c r="U50" s="322"/>
      <c r="V50" s="322"/>
      <c r="W50" s="322"/>
      <c r="X50" s="322"/>
      <c r="Y50" s="322"/>
    </row>
    <row r="51" spans="1:25" ht="16.5" customHeight="1">
      <c r="A51" s="541" t="s">
        <v>959</v>
      </c>
      <c r="C51" s="544"/>
      <c r="D51" s="544"/>
      <c r="E51" s="544"/>
      <c r="F51" s="544"/>
      <c r="G51" s="544"/>
      <c r="H51" s="544"/>
      <c r="I51" s="544"/>
      <c r="J51" s="544"/>
      <c r="K51" s="544"/>
      <c r="L51" s="322"/>
      <c r="M51" s="322"/>
      <c r="N51" s="322"/>
      <c r="O51" s="322"/>
      <c r="P51" s="322"/>
      <c r="Q51" s="322"/>
      <c r="R51" s="322"/>
      <c r="S51" s="322"/>
      <c r="T51" s="322"/>
      <c r="U51" s="322"/>
      <c r="V51" s="322"/>
      <c r="W51" s="322"/>
      <c r="X51" s="322"/>
      <c r="Y51" s="322"/>
    </row>
    <row r="52" spans="1:25" ht="16.5" customHeight="1">
      <c r="A52" s="541" t="s">
        <v>465</v>
      </c>
      <c r="C52" s="322"/>
      <c r="D52" s="322"/>
      <c r="E52" s="322"/>
      <c r="F52" s="322"/>
      <c r="G52" s="322"/>
      <c r="H52" s="322"/>
      <c r="I52" s="322"/>
      <c r="J52" s="322"/>
      <c r="K52" s="322"/>
      <c r="L52" s="322"/>
      <c r="M52" s="322"/>
      <c r="N52" s="322"/>
      <c r="O52" s="322"/>
      <c r="P52" s="322"/>
      <c r="Q52" s="322"/>
      <c r="R52" s="322"/>
      <c r="S52" s="322"/>
      <c r="T52" s="322"/>
      <c r="U52" s="322"/>
      <c r="V52" s="322"/>
      <c r="W52" s="322"/>
      <c r="X52" s="322"/>
      <c r="Y52" s="322"/>
    </row>
    <row r="57" spans="1:25">
      <c r="B57" s="347"/>
    </row>
  </sheetData>
  <mergeCells count="21">
    <mergeCell ref="A12:A20"/>
    <mergeCell ref="D12:D19"/>
    <mergeCell ref="A26:A34"/>
    <mergeCell ref="D26:D33"/>
    <mergeCell ref="A39:A48"/>
    <mergeCell ref="D39:D48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4:B4"/>
    <mergeCell ref="E4:G4"/>
    <mergeCell ref="H4:J4"/>
    <mergeCell ref="K4:M4"/>
    <mergeCell ref="N4:P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firstPageNumber="38" orientation="landscape" blackAndWhite="1" useFirstPageNumber="1" r:id="rId1"/>
  <headerFooter scaleWithDoc="0" alignWithMargins="0"/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3"/>
  <sheetViews>
    <sheetView zoomScale="80" zoomScaleNormal="80" workbookViewId="0"/>
  </sheetViews>
  <sheetFormatPr defaultColWidth="9" defaultRowHeight="13.5"/>
  <cols>
    <col min="1" max="1" width="2.25" style="153" customWidth="1"/>
    <col min="2" max="2" width="13.25" style="153" customWidth="1"/>
    <col min="3" max="14" width="8.75" style="153" customWidth="1"/>
    <col min="15" max="16384" width="9" style="153"/>
  </cols>
  <sheetData>
    <row r="1" spans="1:15" ht="17.25">
      <c r="A1" s="460" t="s">
        <v>776</v>
      </c>
    </row>
    <row r="2" spans="1:15" s="80" customFormat="1" ht="24.75" customHeight="1" thickBot="1">
      <c r="A2" s="461" t="s">
        <v>777</v>
      </c>
      <c r="B2" s="117"/>
      <c r="C2" s="117"/>
      <c r="D2" s="117"/>
      <c r="E2" s="117"/>
      <c r="F2" s="117"/>
      <c r="G2" s="117"/>
      <c r="H2" s="117"/>
      <c r="I2" s="117"/>
      <c r="J2" s="117"/>
      <c r="K2" s="117"/>
      <c r="M2" s="117" t="s">
        <v>778</v>
      </c>
      <c r="N2" s="117"/>
    </row>
    <row r="3" spans="1:15" s="79" customFormat="1" ht="15" customHeight="1" thickTop="1">
      <c r="A3" s="1149" t="s">
        <v>779</v>
      </c>
      <c r="B3" s="1150"/>
      <c r="C3" s="1153" t="s">
        <v>780</v>
      </c>
      <c r="D3" s="1154"/>
      <c r="E3" s="1155"/>
      <c r="F3" s="1156" t="s">
        <v>781</v>
      </c>
      <c r="G3" s="1157"/>
      <c r="H3" s="1158"/>
      <c r="I3" s="1156" t="s">
        <v>782</v>
      </c>
      <c r="J3" s="1157"/>
      <c r="K3" s="1158"/>
      <c r="L3" s="1156" t="s">
        <v>783</v>
      </c>
      <c r="M3" s="1157"/>
      <c r="N3" s="1157"/>
    </row>
    <row r="4" spans="1:15" s="79" customFormat="1" ht="15" customHeight="1">
      <c r="A4" s="1151"/>
      <c r="B4" s="1152"/>
      <c r="C4" s="464" t="s">
        <v>191</v>
      </c>
      <c r="D4" s="462" t="s">
        <v>508</v>
      </c>
      <c r="E4" s="463" t="s">
        <v>509</v>
      </c>
      <c r="F4" s="464" t="s">
        <v>191</v>
      </c>
      <c r="G4" s="462" t="s">
        <v>508</v>
      </c>
      <c r="H4" s="462" t="s">
        <v>509</v>
      </c>
      <c r="I4" s="462" t="s">
        <v>191</v>
      </c>
      <c r="J4" s="462" t="s">
        <v>508</v>
      </c>
      <c r="K4" s="463" t="s">
        <v>509</v>
      </c>
      <c r="L4" s="464" t="s">
        <v>191</v>
      </c>
      <c r="M4" s="462" t="s">
        <v>508</v>
      </c>
      <c r="N4" s="462" t="s">
        <v>509</v>
      </c>
    </row>
    <row r="5" spans="1:15" s="474" customFormat="1" ht="17.25" customHeight="1">
      <c r="A5" s="467"/>
      <c r="B5" s="468" t="s">
        <v>784</v>
      </c>
      <c r="C5" s="496">
        <v>60549</v>
      </c>
      <c r="D5" s="494">
        <v>31060</v>
      </c>
      <c r="E5" s="494">
        <v>29489</v>
      </c>
      <c r="F5" s="496">
        <v>90532</v>
      </c>
      <c r="G5" s="494">
        <v>48139</v>
      </c>
      <c r="H5" s="494">
        <v>42393</v>
      </c>
      <c r="I5" s="493">
        <v>488358</v>
      </c>
      <c r="J5" s="494">
        <v>259380</v>
      </c>
      <c r="K5" s="494">
        <v>228978</v>
      </c>
      <c r="L5" s="496">
        <v>463535</v>
      </c>
      <c r="M5" s="494">
        <v>249297</v>
      </c>
      <c r="N5" s="497">
        <v>214238</v>
      </c>
      <c r="O5" s="473"/>
    </row>
    <row r="6" spans="1:15" s="474" customFormat="1" ht="17.25" customHeight="1">
      <c r="A6" s="1161" t="s">
        <v>785</v>
      </c>
      <c r="B6" s="1162"/>
      <c r="C6" s="496">
        <v>24876</v>
      </c>
      <c r="D6" s="494">
        <v>12767</v>
      </c>
      <c r="E6" s="494">
        <v>12109</v>
      </c>
      <c r="F6" s="496">
        <v>36333</v>
      </c>
      <c r="G6" s="494">
        <v>19178</v>
      </c>
      <c r="H6" s="494">
        <v>17155</v>
      </c>
      <c r="I6" s="493">
        <v>214743</v>
      </c>
      <c r="J6" s="494">
        <v>112792</v>
      </c>
      <c r="K6" s="494">
        <v>101951</v>
      </c>
      <c r="L6" s="494">
        <v>207543</v>
      </c>
      <c r="M6" s="494">
        <v>110437</v>
      </c>
      <c r="N6" s="493">
        <v>97106</v>
      </c>
      <c r="O6" s="473"/>
    </row>
    <row r="7" spans="1:15" s="79" customFormat="1" ht="15" customHeight="1">
      <c r="A7" s="475"/>
      <c r="B7" s="507" t="s">
        <v>786</v>
      </c>
      <c r="C7" s="501">
        <v>2084</v>
      </c>
      <c r="D7" s="508">
        <v>1075</v>
      </c>
      <c r="E7" s="509">
        <v>1009</v>
      </c>
      <c r="F7" s="501">
        <v>2568</v>
      </c>
      <c r="G7" s="478">
        <v>1372</v>
      </c>
      <c r="H7" s="478">
        <v>1196</v>
      </c>
      <c r="I7" s="501">
        <v>17100</v>
      </c>
      <c r="J7" s="478">
        <v>9446</v>
      </c>
      <c r="K7" s="478">
        <v>7654</v>
      </c>
      <c r="L7" s="501">
        <v>18183</v>
      </c>
      <c r="M7" s="478">
        <v>10096</v>
      </c>
      <c r="N7" s="477">
        <v>8087</v>
      </c>
      <c r="O7" s="488"/>
    </row>
    <row r="8" spans="1:15" s="79" customFormat="1" ht="15" customHeight="1">
      <c r="A8" s="475"/>
      <c r="B8" s="507" t="s">
        <v>787</v>
      </c>
      <c r="C8" s="501">
        <v>1747</v>
      </c>
      <c r="D8" s="508">
        <v>951</v>
      </c>
      <c r="E8" s="509">
        <v>796</v>
      </c>
      <c r="F8" s="501">
        <v>2174</v>
      </c>
      <c r="G8" s="478">
        <v>1140</v>
      </c>
      <c r="H8" s="478">
        <v>1034</v>
      </c>
      <c r="I8" s="501">
        <v>17607</v>
      </c>
      <c r="J8" s="478">
        <v>9449</v>
      </c>
      <c r="K8" s="478">
        <v>8158</v>
      </c>
      <c r="L8" s="501">
        <v>16845</v>
      </c>
      <c r="M8" s="478">
        <v>9042</v>
      </c>
      <c r="N8" s="477">
        <v>7803</v>
      </c>
      <c r="O8" s="488"/>
    </row>
    <row r="9" spans="1:15" s="79" customFormat="1" ht="15" customHeight="1">
      <c r="A9" s="475"/>
      <c r="B9" s="507" t="s">
        <v>788</v>
      </c>
      <c r="C9" s="501">
        <v>776</v>
      </c>
      <c r="D9" s="508">
        <v>393</v>
      </c>
      <c r="E9" s="509">
        <v>383</v>
      </c>
      <c r="F9" s="501">
        <v>910</v>
      </c>
      <c r="G9" s="478">
        <v>482</v>
      </c>
      <c r="H9" s="478">
        <v>428</v>
      </c>
      <c r="I9" s="501">
        <v>9470</v>
      </c>
      <c r="J9" s="478">
        <v>4976</v>
      </c>
      <c r="K9" s="478">
        <v>4494</v>
      </c>
      <c r="L9" s="501">
        <v>9614</v>
      </c>
      <c r="M9" s="478">
        <v>5187</v>
      </c>
      <c r="N9" s="477">
        <v>4427</v>
      </c>
      <c r="O9" s="488"/>
    </row>
    <row r="10" spans="1:15" s="79" customFormat="1" ht="15" customHeight="1">
      <c r="A10" s="475"/>
      <c r="B10" s="510" t="s">
        <v>789</v>
      </c>
      <c r="C10" s="501">
        <v>819</v>
      </c>
      <c r="D10" s="508">
        <v>448</v>
      </c>
      <c r="E10" s="509">
        <v>371</v>
      </c>
      <c r="F10" s="501">
        <v>1750</v>
      </c>
      <c r="G10" s="478">
        <v>1038</v>
      </c>
      <c r="H10" s="478">
        <v>712</v>
      </c>
      <c r="I10" s="501">
        <v>12454</v>
      </c>
      <c r="J10" s="478">
        <v>7052</v>
      </c>
      <c r="K10" s="478">
        <v>5402</v>
      </c>
      <c r="L10" s="501">
        <v>12641</v>
      </c>
      <c r="M10" s="478">
        <v>7099</v>
      </c>
      <c r="N10" s="477">
        <v>5542</v>
      </c>
      <c r="O10" s="488"/>
    </row>
    <row r="11" spans="1:15" s="79" customFormat="1" ht="15" customHeight="1">
      <c r="A11" s="475"/>
      <c r="B11" s="510" t="s">
        <v>790</v>
      </c>
      <c r="C11" s="501">
        <v>1055</v>
      </c>
      <c r="D11" s="508">
        <v>587</v>
      </c>
      <c r="E11" s="509">
        <v>468</v>
      </c>
      <c r="F11" s="501">
        <v>2287</v>
      </c>
      <c r="G11" s="478">
        <v>1250</v>
      </c>
      <c r="H11" s="478">
        <v>1037</v>
      </c>
      <c r="I11" s="501">
        <v>13308</v>
      </c>
      <c r="J11" s="478">
        <v>7086</v>
      </c>
      <c r="K11" s="478">
        <v>6222</v>
      </c>
      <c r="L11" s="501">
        <v>12655</v>
      </c>
      <c r="M11" s="478">
        <v>6725</v>
      </c>
      <c r="N11" s="477">
        <v>5930</v>
      </c>
      <c r="O11" s="488"/>
    </row>
    <row r="12" spans="1:15" s="79" customFormat="1" ht="15" customHeight="1">
      <c r="A12" s="475"/>
      <c r="B12" s="510" t="s">
        <v>791</v>
      </c>
      <c r="C12" s="501">
        <v>1244</v>
      </c>
      <c r="D12" s="508">
        <v>602</v>
      </c>
      <c r="E12" s="509">
        <v>642</v>
      </c>
      <c r="F12" s="501">
        <v>2300</v>
      </c>
      <c r="G12" s="478">
        <v>1195</v>
      </c>
      <c r="H12" s="478">
        <v>1105</v>
      </c>
      <c r="I12" s="501">
        <v>11489</v>
      </c>
      <c r="J12" s="478">
        <v>6053</v>
      </c>
      <c r="K12" s="478">
        <v>5436</v>
      </c>
      <c r="L12" s="501">
        <v>11451</v>
      </c>
      <c r="M12" s="478">
        <v>6100</v>
      </c>
      <c r="N12" s="477">
        <v>5351</v>
      </c>
      <c r="O12" s="488"/>
    </row>
    <row r="13" spans="1:15" s="79" customFormat="1" ht="15" customHeight="1">
      <c r="A13" s="475"/>
      <c r="B13" s="510" t="s">
        <v>792</v>
      </c>
      <c r="C13" s="501">
        <v>1080</v>
      </c>
      <c r="D13" s="508">
        <v>532</v>
      </c>
      <c r="E13" s="509">
        <v>548</v>
      </c>
      <c r="F13" s="501">
        <v>1767</v>
      </c>
      <c r="G13" s="478">
        <v>896</v>
      </c>
      <c r="H13" s="478">
        <v>871</v>
      </c>
      <c r="I13" s="501">
        <v>9094</v>
      </c>
      <c r="J13" s="478">
        <v>4840</v>
      </c>
      <c r="K13" s="478">
        <v>4254</v>
      </c>
      <c r="L13" s="501">
        <v>8787</v>
      </c>
      <c r="M13" s="478">
        <v>4713</v>
      </c>
      <c r="N13" s="477">
        <v>4074</v>
      </c>
      <c r="O13" s="488"/>
    </row>
    <row r="14" spans="1:15" s="79" customFormat="1" ht="15" customHeight="1">
      <c r="A14" s="475"/>
      <c r="B14" s="510" t="s">
        <v>793</v>
      </c>
      <c r="C14" s="501">
        <v>964</v>
      </c>
      <c r="D14" s="508">
        <v>501</v>
      </c>
      <c r="E14" s="509">
        <v>463</v>
      </c>
      <c r="F14" s="501">
        <v>2043</v>
      </c>
      <c r="G14" s="478">
        <v>1063</v>
      </c>
      <c r="H14" s="478">
        <v>980</v>
      </c>
      <c r="I14" s="501">
        <v>9073</v>
      </c>
      <c r="J14" s="478">
        <v>4700</v>
      </c>
      <c r="K14" s="478">
        <v>4373</v>
      </c>
      <c r="L14" s="501">
        <v>8944</v>
      </c>
      <c r="M14" s="478">
        <v>4842</v>
      </c>
      <c r="N14" s="477">
        <v>4102</v>
      </c>
      <c r="O14" s="488"/>
    </row>
    <row r="15" spans="1:15" s="79" customFormat="1" ht="15" customHeight="1">
      <c r="A15" s="475"/>
      <c r="B15" s="510" t="s">
        <v>794</v>
      </c>
      <c r="C15" s="501">
        <v>3036</v>
      </c>
      <c r="D15" s="508">
        <v>1502</v>
      </c>
      <c r="E15" s="509">
        <v>1534</v>
      </c>
      <c r="F15" s="501">
        <v>2707</v>
      </c>
      <c r="G15" s="478">
        <v>1403</v>
      </c>
      <c r="H15" s="478">
        <v>1304</v>
      </c>
      <c r="I15" s="501">
        <v>24007</v>
      </c>
      <c r="J15" s="478">
        <v>12468</v>
      </c>
      <c r="K15" s="478">
        <v>11539</v>
      </c>
      <c r="L15" s="501">
        <v>23342</v>
      </c>
      <c r="M15" s="478">
        <v>12317</v>
      </c>
      <c r="N15" s="477">
        <v>11025</v>
      </c>
      <c r="O15" s="488"/>
    </row>
    <row r="16" spans="1:15" s="79" customFormat="1" ht="15" customHeight="1">
      <c r="A16" s="475"/>
      <c r="B16" s="510" t="s">
        <v>795</v>
      </c>
      <c r="C16" s="501">
        <v>2075</v>
      </c>
      <c r="D16" s="508">
        <v>1044</v>
      </c>
      <c r="E16" s="509">
        <v>1031</v>
      </c>
      <c r="F16" s="501">
        <v>2692</v>
      </c>
      <c r="G16" s="478">
        <v>1399</v>
      </c>
      <c r="H16" s="478">
        <v>1293</v>
      </c>
      <c r="I16" s="501">
        <v>13089</v>
      </c>
      <c r="J16" s="478">
        <v>6800</v>
      </c>
      <c r="K16" s="478">
        <v>6289</v>
      </c>
      <c r="L16" s="501">
        <v>12252</v>
      </c>
      <c r="M16" s="478">
        <v>6427</v>
      </c>
      <c r="N16" s="477">
        <v>5825</v>
      </c>
      <c r="O16" s="488"/>
    </row>
    <row r="17" spans="1:15" s="79" customFormat="1" ht="15" customHeight="1">
      <c r="A17" s="475"/>
      <c r="B17" s="510" t="s">
        <v>796</v>
      </c>
      <c r="C17" s="501">
        <v>1342</v>
      </c>
      <c r="D17" s="508">
        <v>696</v>
      </c>
      <c r="E17" s="509">
        <v>646</v>
      </c>
      <c r="F17" s="501">
        <v>2206</v>
      </c>
      <c r="G17" s="478">
        <v>1165</v>
      </c>
      <c r="H17" s="478">
        <v>1041</v>
      </c>
      <c r="I17" s="501">
        <v>10119</v>
      </c>
      <c r="J17" s="478">
        <v>5242</v>
      </c>
      <c r="K17" s="478">
        <v>4877</v>
      </c>
      <c r="L17" s="501">
        <v>9132</v>
      </c>
      <c r="M17" s="478">
        <v>4787</v>
      </c>
      <c r="N17" s="477">
        <v>4345</v>
      </c>
      <c r="O17" s="488"/>
    </row>
    <row r="18" spans="1:15" s="79" customFormat="1" ht="15" customHeight="1">
      <c r="A18" s="475"/>
      <c r="B18" s="510" t="s">
        <v>797</v>
      </c>
      <c r="C18" s="501">
        <v>1431</v>
      </c>
      <c r="D18" s="508">
        <v>740</v>
      </c>
      <c r="E18" s="509">
        <v>691</v>
      </c>
      <c r="F18" s="501">
        <v>2958</v>
      </c>
      <c r="G18" s="478">
        <v>1509</v>
      </c>
      <c r="H18" s="478">
        <v>1449</v>
      </c>
      <c r="I18" s="501">
        <v>9784</v>
      </c>
      <c r="J18" s="478">
        <v>5059</v>
      </c>
      <c r="K18" s="478">
        <v>4725</v>
      </c>
      <c r="L18" s="501">
        <v>9698</v>
      </c>
      <c r="M18" s="478">
        <v>4976</v>
      </c>
      <c r="N18" s="477">
        <v>4722</v>
      </c>
      <c r="O18" s="488"/>
    </row>
    <row r="19" spans="1:15" s="79" customFormat="1" ht="15" customHeight="1">
      <c r="A19" s="475"/>
      <c r="B19" s="510" t="s">
        <v>798</v>
      </c>
      <c r="C19" s="501">
        <v>1283</v>
      </c>
      <c r="D19" s="508">
        <v>664</v>
      </c>
      <c r="E19" s="509">
        <v>619</v>
      </c>
      <c r="F19" s="501">
        <v>1734</v>
      </c>
      <c r="G19" s="478">
        <v>919</v>
      </c>
      <c r="H19" s="478">
        <v>815</v>
      </c>
      <c r="I19" s="501">
        <v>9647</v>
      </c>
      <c r="J19" s="478">
        <v>4941</v>
      </c>
      <c r="K19" s="478">
        <v>4706</v>
      </c>
      <c r="L19" s="501">
        <v>9302</v>
      </c>
      <c r="M19" s="478">
        <v>4909</v>
      </c>
      <c r="N19" s="477">
        <v>4393</v>
      </c>
      <c r="O19" s="488"/>
    </row>
    <row r="20" spans="1:15" s="79" customFormat="1" ht="15" customHeight="1">
      <c r="A20" s="475"/>
      <c r="B20" s="510" t="s">
        <v>799</v>
      </c>
      <c r="C20" s="501">
        <v>710</v>
      </c>
      <c r="D20" s="508">
        <v>382</v>
      </c>
      <c r="E20" s="509">
        <v>328</v>
      </c>
      <c r="F20" s="501">
        <v>1465</v>
      </c>
      <c r="G20" s="478">
        <v>793</v>
      </c>
      <c r="H20" s="478">
        <v>672</v>
      </c>
      <c r="I20" s="501">
        <v>5414</v>
      </c>
      <c r="J20" s="478">
        <v>2766</v>
      </c>
      <c r="K20" s="478">
        <v>2648</v>
      </c>
      <c r="L20" s="501">
        <v>5087</v>
      </c>
      <c r="M20" s="478">
        <v>2624</v>
      </c>
      <c r="N20" s="477">
        <v>2463</v>
      </c>
      <c r="O20" s="488"/>
    </row>
    <row r="21" spans="1:15" s="79" customFormat="1" ht="15" customHeight="1">
      <c r="A21" s="475"/>
      <c r="B21" s="510" t="s">
        <v>800</v>
      </c>
      <c r="C21" s="501">
        <v>763</v>
      </c>
      <c r="D21" s="508">
        <v>396</v>
      </c>
      <c r="E21" s="509">
        <v>367</v>
      </c>
      <c r="F21" s="501">
        <v>1269</v>
      </c>
      <c r="G21" s="478">
        <v>707</v>
      </c>
      <c r="H21" s="478">
        <v>562</v>
      </c>
      <c r="I21" s="501">
        <v>6379</v>
      </c>
      <c r="J21" s="478">
        <v>3371</v>
      </c>
      <c r="K21" s="478">
        <v>3008</v>
      </c>
      <c r="L21" s="501">
        <v>5311</v>
      </c>
      <c r="M21" s="478">
        <v>2755</v>
      </c>
      <c r="N21" s="477">
        <v>2556</v>
      </c>
      <c r="O21" s="488"/>
    </row>
    <row r="22" spans="1:15" s="79" customFormat="1" ht="15" customHeight="1">
      <c r="A22" s="475"/>
      <c r="B22" s="510" t="s">
        <v>801</v>
      </c>
      <c r="C22" s="501">
        <v>965</v>
      </c>
      <c r="D22" s="508">
        <v>465</v>
      </c>
      <c r="E22" s="509">
        <v>500</v>
      </c>
      <c r="F22" s="501">
        <v>1657</v>
      </c>
      <c r="G22" s="478">
        <v>867</v>
      </c>
      <c r="H22" s="478">
        <v>790</v>
      </c>
      <c r="I22" s="501">
        <v>6513</v>
      </c>
      <c r="J22" s="478">
        <v>3295</v>
      </c>
      <c r="K22" s="478">
        <v>3218</v>
      </c>
      <c r="L22" s="501">
        <v>6073</v>
      </c>
      <c r="M22" s="478">
        <v>3105</v>
      </c>
      <c r="N22" s="477">
        <v>2968</v>
      </c>
      <c r="O22" s="488"/>
    </row>
    <row r="23" spans="1:15" s="79" customFormat="1" ht="15" customHeight="1">
      <c r="A23" s="475"/>
      <c r="B23" s="510" t="s">
        <v>802</v>
      </c>
      <c r="C23" s="501">
        <v>1989</v>
      </c>
      <c r="D23" s="508">
        <v>1023</v>
      </c>
      <c r="E23" s="509">
        <v>966</v>
      </c>
      <c r="F23" s="501">
        <v>2461</v>
      </c>
      <c r="G23" s="478">
        <v>1262</v>
      </c>
      <c r="H23" s="478">
        <v>1199</v>
      </c>
      <c r="I23" s="501">
        <v>17549</v>
      </c>
      <c r="J23" s="478">
        <v>8778</v>
      </c>
      <c r="K23" s="478">
        <v>8771</v>
      </c>
      <c r="L23" s="501">
        <v>16940</v>
      </c>
      <c r="M23" s="478">
        <v>8792</v>
      </c>
      <c r="N23" s="477">
        <v>8148</v>
      </c>
      <c r="O23" s="488"/>
    </row>
    <row r="24" spans="1:15" s="79" customFormat="1" ht="15" customHeight="1">
      <c r="A24" s="475"/>
      <c r="B24" s="510" t="s">
        <v>803</v>
      </c>
      <c r="C24" s="501">
        <v>1513</v>
      </c>
      <c r="D24" s="508">
        <v>766</v>
      </c>
      <c r="E24" s="509">
        <v>747</v>
      </c>
      <c r="F24" s="501">
        <v>1385</v>
      </c>
      <c r="G24" s="478">
        <v>718</v>
      </c>
      <c r="H24" s="478">
        <v>667</v>
      </c>
      <c r="I24" s="501">
        <v>12647</v>
      </c>
      <c r="J24" s="478">
        <v>6470</v>
      </c>
      <c r="K24" s="478">
        <v>6177</v>
      </c>
      <c r="L24" s="501">
        <v>11286</v>
      </c>
      <c r="M24" s="478">
        <v>5941</v>
      </c>
      <c r="N24" s="477">
        <v>5345</v>
      </c>
      <c r="O24" s="488"/>
    </row>
    <row r="25" spans="1:15" s="474" customFormat="1" ht="17.25" customHeight="1">
      <c r="A25" s="1161" t="s">
        <v>804</v>
      </c>
      <c r="B25" s="1162"/>
      <c r="C25" s="496">
        <v>12279</v>
      </c>
      <c r="D25" s="494">
        <v>6291</v>
      </c>
      <c r="E25" s="494">
        <v>5988</v>
      </c>
      <c r="F25" s="496">
        <v>12435</v>
      </c>
      <c r="G25" s="494">
        <v>6774</v>
      </c>
      <c r="H25" s="494">
        <v>5661</v>
      </c>
      <c r="I25" s="493">
        <v>102481</v>
      </c>
      <c r="J25" s="494">
        <v>54388</v>
      </c>
      <c r="K25" s="494">
        <v>48093</v>
      </c>
      <c r="L25" s="496">
        <v>101633</v>
      </c>
      <c r="M25" s="494">
        <v>54504</v>
      </c>
      <c r="N25" s="493">
        <v>47129</v>
      </c>
      <c r="O25" s="473"/>
    </row>
    <row r="26" spans="1:15" s="79" customFormat="1" ht="15" customHeight="1">
      <c r="A26" s="475"/>
      <c r="B26" s="510" t="s">
        <v>805</v>
      </c>
      <c r="C26" s="501">
        <v>1555</v>
      </c>
      <c r="D26" s="508">
        <v>801</v>
      </c>
      <c r="E26" s="509">
        <v>754</v>
      </c>
      <c r="F26" s="501">
        <v>2600</v>
      </c>
      <c r="G26" s="478">
        <v>1521</v>
      </c>
      <c r="H26" s="478">
        <v>1079</v>
      </c>
      <c r="I26" s="501">
        <v>14603</v>
      </c>
      <c r="J26" s="478">
        <v>8707</v>
      </c>
      <c r="K26" s="478">
        <v>5896</v>
      </c>
      <c r="L26" s="501">
        <v>15475</v>
      </c>
      <c r="M26" s="478">
        <v>8917</v>
      </c>
      <c r="N26" s="477">
        <v>6558</v>
      </c>
      <c r="O26" s="488"/>
    </row>
    <row r="27" spans="1:15" s="79" customFormat="1" ht="15" customHeight="1">
      <c r="A27" s="475"/>
      <c r="B27" s="510" t="s">
        <v>806</v>
      </c>
      <c r="C27" s="501">
        <v>1547</v>
      </c>
      <c r="D27" s="508">
        <v>774</v>
      </c>
      <c r="E27" s="509">
        <v>773</v>
      </c>
      <c r="F27" s="501">
        <v>1524</v>
      </c>
      <c r="G27" s="478">
        <v>811</v>
      </c>
      <c r="H27" s="478">
        <v>713</v>
      </c>
      <c r="I27" s="501">
        <v>10638</v>
      </c>
      <c r="J27" s="478">
        <v>5786</v>
      </c>
      <c r="K27" s="478">
        <v>4852</v>
      </c>
      <c r="L27" s="501">
        <v>10525</v>
      </c>
      <c r="M27" s="478">
        <v>5916</v>
      </c>
      <c r="N27" s="477">
        <v>4609</v>
      </c>
      <c r="O27" s="488"/>
    </row>
    <row r="28" spans="1:15" s="79" customFormat="1" ht="15" customHeight="1">
      <c r="A28" s="475"/>
      <c r="B28" s="510" t="s">
        <v>807</v>
      </c>
      <c r="C28" s="501">
        <v>2579</v>
      </c>
      <c r="D28" s="508">
        <v>1304</v>
      </c>
      <c r="E28" s="509">
        <v>1275</v>
      </c>
      <c r="F28" s="501">
        <v>1689</v>
      </c>
      <c r="G28" s="478">
        <v>914</v>
      </c>
      <c r="H28" s="478">
        <v>775</v>
      </c>
      <c r="I28" s="501">
        <v>21013</v>
      </c>
      <c r="J28" s="478">
        <v>10970</v>
      </c>
      <c r="K28" s="478">
        <v>10043</v>
      </c>
      <c r="L28" s="501">
        <v>21606</v>
      </c>
      <c r="M28" s="478">
        <v>11442</v>
      </c>
      <c r="N28" s="477">
        <v>10164</v>
      </c>
      <c r="O28" s="488"/>
    </row>
    <row r="29" spans="1:15" s="79" customFormat="1" ht="15" customHeight="1">
      <c r="A29" s="475"/>
      <c r="B29" s="510" t="s">
        <v>808</v>
      </c>
      <c r="C29" s="501">
        <v>1899</v>
      </c>
      <c r="D29" s="508">
        <v>955</v>
      </c>
      <c r="E29" s="509">
        <v>944</v>
      </c>
      <c r="F29" s="501">
        <v>1732</v>
      </c>
      <c r="G29" s="478">
        <v>924</v>
      </c>
      <c r="H29" s="478">
        <v>808</v>
      </c>
      <c r="I29" s="501">
        <v>16284</v>
      </c>
      <c r="J29" s="478">
        <v>8523</v>
      </c>
      <c r="K29" s="478">
        <v>7761</v>
      </c>
      <c r="L29" s="501">
        <v>16222</v>
      </c>
      <c r="M29" s="478">
        <v>8580</v>
      </c>
      <c r="N29" s="477">
        <v>7642</v>
      </c>
      <c r="O29" s="488"/>
    </row>
    <row r="30" spans="1:15" s="79" customFormat="1" ht="15" customHeight="1">
      <c r="A30" s="475"/>
      <c r="B30" s="510" t="s">
        <v>809</v>
      </c>
      <c r="C30" s="501">
        <v>1751</v>
      </c>
      <c r="D30" s="508">
        <v>919</v>
      </c>
      <c r="E30" s="509">
        <v>832</v>
      </c>
      <c r="F30" s="501">
        <v>1656</v>
      </c>
      <c r="G30" s="478">
        <v>879</v>
      </c>
      <c r="H30" s="478">
        <v>777</v>
      </c>
      <c r="I30" s="501">
        <v>16361</v>
      </c>
      <c r="J30" s="478">
        <v>8577</v>
      </c>
      <c r="K30" s="478">
        <v>7784</v>
      </c>
      <c r="L30" s="501">
        <v>15090</v>
      </c>
      <c r="M30" s="478">
        <v>8003</v>
      </c>
      <c r="N30" s="477">
        <v>7087</v>
      </c>
      <c r="O30" s="488"/>
    </row>
    <row r="31" spans="1:15" s="79" customFormat="1" ht="15" customHeight="1">
      <c r="A31" s="475"/>
      <c r="B31" s="510" t="s">
        <v>810</v>
      </c>
      <c r="C31" s="501">
        <v>1740</v>
      </c>
      <c r="D31" s="508">
        <v>902</v>
      </c>
      <c r="E31" s="509">
        <v>838</v>
      </c>
      <c r="F31" s="501">
        <v>1779</v>
      </c>
      <c r="G31" s="478">
        <v>951</v>
      </c>
      <c r="H31" s="478">
        <v>828</v>
      </c>
      <c r="I31" s="501">
        <v>13772</v>
      </c>
      <c r="J31" s="478">
        <v>6989</v>
      </c>
      <c r="K31" s="478">
        <v>6783</v>
      </c>
      <c r="L31" s="501">
        <v>13121</v>
      </c>
      <c r="M31" s="478">
        <v>6723</v>
      </c>
      <c r="N31" s="477">
        <v>6398</v>
      </c>
      <c r="O31" s="488"/>
    </row>
    <row r="32" spans="1:15" s="79" customFormat="1" ht="15" customHeight="1">
      <c r="A32" s="475"/>
      <c r="B32" s="510" t="s">
        <v>811</v>
      </c>
      <c r="C32" s="501">
        <v>1208</v>
      </c>
      <c r="D32" s="508">
        <v>636</v>
      </c>
      <c r="E32" s="509">
        <v>572</v>
      </c>
      <c r="F32" s="501">
        <v>1455</v>
      </c>
      <c r="G32" s="478">
        <v>774</v>
      </c>
      <c r="H32" s="478">
        <v>681</v>
      </c>
      <c r="I32" s="501">
        <v>9810</v>
      </c>
      <c r="J32" s="478">
        <v>4836</v>
      </c>
      <c r="K32" s="478">
        <v>4974</v>
      </c>
      <c r="L32" s="501">
        <v>9594</v>
      </c>
      <c r="M32" s="478">
        <v>4923</v>
      </c>
      <c r="N32" s="477">
        <v>4671</v>
      </c>
      <c r="O32" s="488"/>
    </row>
    <row r="33" spans="1:15" s="474" customFormat="1" ht="17.25" customHeight="1">
      <c r="A33" s="1159" t="s">
        <v>812</v>
      </c>
      <c r="B33" s="1160"/>
      <c r="C33" s="496">
        <v>3404</v>
      </c>
      <c r="D33" s="494">
        <v>1792</v>
      </c>
      <c r="E33" s="494">
        <v>1612</v>
      </c>
      <c r="F33" s="496">
        <v>9090</v>
      </c>
      <c r="G33" s="494">
        <v>4708</v>
      </c>
      <c r="H33" s="494">
        <v>4382</v>
      </c>
      <c r="I33" s="493">
        <v>26923</v>
      </c>
      <c r="J33" s="494">
        <v>15018</v>
      </c>
      <c r="K33" s="494">
        <v>11905</v>
      </c>
      <c r="L33" s="496">
        <v>26156</v>
      </c>
      <c r="M33" s="494">
        <v>14760</v>
      </c>
      <c r="N33" s="493">
        <v>11396</v>
      </c>
      <c r="O33" s="473"/>
    </row>
    <row r="34" spans="1:15" s="79" customFormat="1" ht="15" customHeight="1">
      <c r="A34" s="475"/>
      <c r="B34" s="510" t="s">
        <v>813</v>
      </c>
      <c r="C34" s="501">
        <v>1844</v>
      </c>
      <c r="D34" s="511">
        <v>950</v>
      </c>
      <c r="E34" s="512">
        <v>894</v>
      </c>
      <c r="F34" s="501">
        <v>5152</v>
      </c>
      <c r="G34" s="478">
        <v>2739</v>
      </c>
      <c r="H34" s="478">
        <v>2413</v>
      </c>
      <c r="I34" s="501">
        <v>14118</v>
      </c>
      <c r="J34" s="478">
        <v>8760</v>
      </c>
      <c r="K34" s="478">
        <v>5358</v>
      </c>
      <c r="L34" s="501">
        <v>14839</v>
      </c>
      <c r="M34" s="478">
        <v>9177</v>
      </c>
      <c r="N34" s="477">
        <v>5662</v>
      </c>
      <c r="O34" s="488"/>
    </row>
    <row r="35" spans="1:15" s="79" customFormat="1" ht="15" customHeight="1">
      <c r="A35" s="475"/>
      <c r="B35" s="510" t="s">
        <v>814</v>
      </c>
      <c r="C35" s="501">
        <v>933</v>
      </c>
      <c r="D35" s="511">
        <v>502</v>
      </c>
      <c r="E35" s="512">
        <v>431</v>
      </c>
      <c r="F35" s="501">
        <v>2093</v>
      </c>
      <c r="G35" s="478">
        <v>1024</v>
      </c>
      <c r="H35" s="478">
        <v>1069</v>
      </c>
      <c r="I35" s="501">
        <v>7854</v>
      </c>
      <c r="J35" s="478">
        <v>3880</v>
      </c>
      <c r="K35" s="478">
        <v>3974</v>
      </c>
      <c r="L35" s="501">
        <v>6696</v>
      </c>
      <c r="M35" s="478">
        <v>3370</v>
      </c>
      <c r="N35" s="477">
        <v>3326</v>
      </c>
      <c r="O35" s="488"/>
    </row>
    <row r="36" spans="1:15" s="79" customFormat="1" ht="15" customHeight="1">
      <c r="A36" s="475"/>
      <c r="B36" s="510" t="s">
        <v>815</v>
      </c>
      <c r="C36" s="501">
        <v>343</v>
      </c>
      <c r="D36" s="511">
        <v>181</v>
      </c>
      <c r="E36" s="512">
        <v>162</v>
      </c>
      <c r="F36" s="501">
        <v>712</v>
      </c>
      <c r="G36" s="478">
        <v>367</v>
      </c>
      <c r="H36" s="478">
        <v>345</v>
      </c>
      <c r="I36" s="501">
        <v>2457</v>
      </c>
      <c r="J36" s="478">
        <v>1189</v>
      </c>
      <c r="K36" s="478">
        <v>1268</v>
      </c>
      <c r="L36" s="501">
        <v>2295</v>
      </c>
      <c r="M36" s="478">
        <v>1082</v>
      </c>
      <c r="N36" s="477">
        <v>1213</v>
      </c>
      <c r="O36" s="488"/>
    </row>
    <row r="37" spans="1:15" s="79" customFormat="1" ht="15" customHeight="1">
      <c r="A37" s="475"/>
      <c r="B37" s="510" t="s">
        <v>816</v>
      </c>
      <c r="C37" s="499">
        <v>157</v>
      </c>
      <c r="D37" s="511">
        <v>88</v>
      </c>
      <c r="E37" s="512">
        <v>69</v>
      </c>
      <c r="F37" s="501">
        <v>767</v>
      </c>
      <c r="G37" s="478">
        <v>387</v>
      </c>
      <c r="H37" s="478">
        <v>380</v>
      </c>
      <c r="I37" s="501">
        <v>1164</v>
      </c>
      <c r="J37" s="478">
        <v>574</v>
      </c>
      <c r="K37" s="478">
        <v>590</v>
      </c>
      <c r="L37" s="501">
        <v>1181</v>
      </c>
      <c r="M37" s="478">
        <v>586</v>
      </c>
      <c r="N37" s="477">
        <v>595</v>
      </c>
      <c r="O37" s="488"/>
    </row>
    <row r="38" spans="1:15" s="79" customFormat="1" ht="15" customHeight="1">
      <c r="A38" s="475"/>
      <c r="B38" s="510" t="s">
        <v>817</v>
      </c>
      <c r="C38" s="501">
        <v>127</v>
      </c>
      <c r="D38" s="511">
        <v>71</v>
      </c>
      <c r="E38" s="512">
        <v>56</v>
      </c>
      <c r="F38" s="501">
        <v>366</v>
      </c>
      <c r="G38" s="478">
        <v>191</v>
      </c>
      <c r="H38" s="478">
        <v>175</v>
      </c>
      <c r="I38" s="501">
        <v>1330</v>
      </c>
      <c r="J38" s="478">
        <v>615</v>
      </c>
      <c r="K38" s="478">
        <v>715</v>
      </c>
      <c r="L38" s="501">
        <v>1145</v>
      </c>
      <c r="M38" s="478">
        <v>545</v>
      </c>
      <c r="N38" s="477">
        <v>600</v>
      </c>
      <c r="O38" s="488"/>
    </row>
    <row r="39" spans="1:15" s="474" customFormat="1" ht="17.25" customHeight="1">
      <c r="A39" s="1159" t="s">
        <v>818</v>
      </c>
      <c r="B39" s="1160"/>
      <c r="C39" s="496">
        <v>10274</v>
      </c>
      <c r="D39" s="494">
        <v>5227</v>
      </c>
      <c r="E39" s="494">
        <v>5047</v>
      </c>
      <c r="F39" s="496">
        <v>15271</v>
      </c>
      <c r="G39" s="494">
        <v>8465</v>
      </c>
      <c r="H39" s="494">
        <v>6806</v>
      </c>
      <c r="I39" s="493">
        <v>76182</v>
      </c>
      <c r="J39" s="494">
        <v>41156</v>
      </c>
      <c r="K39" s="494">
        <v>35026</v>
      </c>
      <c r="L39" s="496">
        <v>69056</v>
      </c>
      <c r="M39" s="494">
        <v>38004</v>
      </c>
      <c r="N39" s="493">
        <v>31052</v>
      </c>
      <c r="O39" s="473"/>
    </row>
    <row r="40" spans="1:15" s="474" customFormat="1" ht="15" customHeight="1">
      <c r="A40" s="1163" t="s">
        <v>819</v>
      </c>
      <c r="B40" s="1164"/>
      <c r="C40" s="501">
        <v>4545</v>
      </c>
      <c r="D40" s="513">
        <v>2326</v>
      </c>
      <c r="E40" s="511">
        <v>2219</v>
      </c>
      <c r="F40" s="501">
        <v>7126</v>
      </c>
      <c r="G40" s="478">
        <v>3911</v>
      </c>
      <c r="H40" s="478">
        <v>3215</v>
      </c>
      <c r="I40" s="501">
        <v>34124</v>
      </c>
      <c r="J40" s="478">
        <v>17855</v>
      </c>
      <c r="K40" s="478">
        <v>16269</v>
      </c>
      <c r="L40" s="501">
        <v>31032</v>
      </c>
      <c r="M40" s="478">
        <v>16562</v>
      </c>
      <c r="N40" s="477">
        <v>14470</v>
      </c>
      <c r="O40" s="473"/>
    </row>
    <row r="41" spans="1:15" s="474" customFormat="1" ht="15" customHeight="1">
      <c r="A41" s="483"/>
      <c r="B41" s="510" t="s">
        <v>820</v>
      </c>
      <c r="C41" s="501">
        <v>960</v>
      </c>
      <c r="D41" s="513">
        <v>502</v>
      </c>
      <c r="E41" s="511">
        <v>458</v>
      </c>
      <c r="F41" s="501">
        <v>1768</v>
      </c>
      <c r="G41" s="478">
        <v>974</v>
      </c>
      <c r="H41" s="478">
        <v>794</v>
      </c>
      <c r="I41" s="501">
        <v>7108</v>
      </c>
      <c r="J41" s="478">
        <v>3791</v>
      </c>
      <c r="K41" s="478">
        <v>3317</v>
      </c>
      <c r="L41" s="501">
        <v>6858</v>
      </c>
      <c r="M41" s="478">
        <v>3709</v>
      </c>
      <c r="N41" s="477">
        <v>3149</v>
      </c>
      <c r="O41" s="473"/>
    </row>
    <row r="42" spans="1:15" s="474" customFormat="1" ht="15" customHeight="1">
      <c r="A42" s="483"/>
      <c r="B42" s="510" t="s">
        <v>821</v>
      </c>
      <c r="C42" s="501">
        <v>1704</v>
      </c>
      <c r="D42" s="513">
        <v>869</v>
      </c>
      <c r="E42" s="511">
        <v>835</v>
      </c>
      <c r="F42" s="501">
        <v>2653</v>
      </c>
      <c r="G42" s="478">
        <v>1460</v>
      </c>
      <c r="H42" s="478">
        <v>1193</v>
      </c>
      <c r="I42" s="501">
        <v>12063</v>
      </c>
      <c r="J42" s="478">
        <v>6375</v>
      </c>
      <c r="K42" s="478">
        <v>5688</v>
      </c>
      <c r="L42" s="501">
        <v>11036</v>
      </c>
      <c r="M42" s="478">
        <v>6001</v>
      </c>
      <c r="N42" s="477">
        <v>5035</v>
      </c>
      <c r="O42" s="473"/>
    </row>
    <row r="43" spans="1:15" s="519" customFormat="1" ht="15" customHeight="1">
      <c r="A43" s="514"/>
      <c r="B43" s="515" t="s">
        <v>822</v>
      </c>
      <c r="C43" s="503">
        <v>1881</v>
      </c>
      <c r="D43" s="516">
        <v>955</v>
      </c>
      <c r="E43" s="517">
        <v>926</v>
      </c>
      <c r="F43" s="503">
        <v>2705</v>
      </c>
      <c r="G43" s="486">
        <v>1477</v>
      </c>
      <c r="H43" s="486">
        <v>1228</v>
      </c>
      <c r="I43" s="503">
        <v>14953</v>
      </c>
      <c r="J43" s="486">
        <v>7689</v>
      </c>
      <c r="K43" s="486">
        <v>7264</v>
      </c>
      <c r="L43" s="503">
        <v>13138</v>
      </c>
      <c r="M43" s="486">
        <v>6852</v>
      </c>
      <c r="N43" s="487">
        <v>6286</v>
      </c>
      <c r="O43" s="518"/>
    </row>
    <row r="44" spans="1:15" s="79" customFormat="1" ht="15" customHeight="1">
      <c r="A44" s="475"/>
      <c r="B44" s="510" t="s">
        <v>823</v>
      </c>
      <c r="C44" s="501">
        <v>1302</v>
      </c>
      <c r="D44" s="513">
        <v>648</v>
      </c>
      <c r="E44" s="511">
        <v>654</v>
      </c>
      <c r="F44" s="501">
        <v>2123</v>
      </c>
      <c r="G44" s="478">
        <v>1189</v>
      </c>
      <c r="H44" s="478">
        <v>934</v>
      </c>
      <c r="I44" s="501">
        <v>10144</v>
      </c>
      <c r="J44" s="478">
        <v>6015</v>
      </c>
      <c r="K44" s="478">
        <v>4129</v>
      </c>
      <c r="L44" s="501">
        <v>9582</v>
      </c>
      <c r="M44" s="478">
        <v>5669</v>
      </c>
      <c r="N44" s="477">
        <v>3913</v>
      </c>
      <c r="O44" s="488"/>
    </row>
    <row r="45" spans="1:15" s="79" customFormat="1" ht="15" customHeight="1">
      <c r="A45" s="475"/>
      <c r="B45" s="510" t="s">
        <v>824</v>
      </c>
      <c r="C45" s="501">
        <v>1819</v>
      </c>
      <c r="D45" s="511">
        <v>931</v>
      </c>
      <c r="E45" s="511">
        <v>888</v>
      </c>
      <c r="F45" s="501">
        <v>2248</v>
      </c>
      <c r="G45" s="478">
        <v>1264</v>
      </c>
      <c r="H45" s="478">
        <v>984</v>
      </c>
      <c r="I45" s="501">
        <v>13570</v>
      </c>
      <c r="J45" s="478">
        <v>7120</v>
      </c>
      <c r="K45" s="478">
        <v>6450</v>
      </c>
      <c r="L45" s="501">
        <v>11202</v>
      </c>
      <c r="M45" s="478">
        <v>6145</v>
      </c>
      <c r="N45" s="477">
        <v>5057</v>
      </c>
      <c r="O45" s="488"/>
    </row>
    <row r="46" spans="1:15" s="79" customFormat="1" ht="15" customHeight="1">
      <c r="A46" s="475"/>
      <c r="B46" s="510" t="s">
        <v>825</v>
      </c>
      <c r="C46" s="501">
        <v>1018</v>
      </c>
      <c r="D46" s="511">
        <v>501</v>
      </c>
      <c r="E46" s="512">
        <v>517</v>
      </c>
      <c r="F46" s="501">
        <v>1174</v>
      </c>
      <c r="G46" s="478">
        <v>628</v>
      </c>
      <c r="H46" s="478">
        <v>546</v>
      </c>
      <c r="I46" s="501">
        <v>6699</v>
      </c>
      <c r="J46" s="478">
        <v>3657</v>
      </c>
      <c r="K46" s="478">
        <v>3042</v>
      </c>
      <c r="L46" s="501">
        <v>5719</v>
      </c>
      <c r="M46" s="478">
        <v>3093</v>
      </c>
      <c r="N46" s="477">
        <v>2626</v>
      </c>
      <c r="O46" s="488"/>
    </row>
    <row r="47" spans="1:15" s="79" customFormat="1" ht="15" customHeight="1">
      <c r="A47" s="475"/>
      <c r="B47" s="510" t="s">
        <v>826</v>
      </c>
      <c r="C47" s="501">
        <v>833</v>
      </c>
      <c r="D47" s="511">
        <v>427</v>
      </c>
      <c r="E47" s="512">
        <v>406</v>
      </c>
      <c r="F47" s="501">
        <v>1256</v>
      </c>
      <c r="G47" s="478">
        <v>720</v>
      </c>
      <c r="H47" s="478">
        <v>536</v>
      </c>
      <c r="I47" s="501">
        <v>6224</v>
      </c>
      <c r="J47" s="478">
        <v>3334</v>
      </c>
      <c r="K47" s="478">
        <v>2890</v>
      </c>
      <c r="L47" s="501">
        <v>5936</v>
      </c>
      <c r="M47" s="478">
        <v>3255</v>
      </c>
      <c r="N47" s="477">
        <v>2681</v>
      </c>
      <c r="O47" s="488"/>
    </row>
    <row r="48" spans="1:15" s="79" customFormat="1" ht="15" customHeight="1">
      <c r="A48" s="475"/>
      <c r="B48" s="510" t="s">
        <v>827</v>
      </c>
      <c r="C48" s="501">
        <v>559</v>
      </c>
      <c r="D48" s="511">
        <v>291</v>
      </c>
      <c r="E48" s="512">
        <v>268</v>
      </c>
      <c r="F48" s="501">
        <v>851</v>
      </c>
      <c r="G48" s="478">
        <v>464</v>
      </c>
      <c r="H48" s="478">
        <v>387</v>
      </c>
      <c r="I48" s="501">
        <v>3688</v>
      </c>
      <c r="J48" s="478">
        <v>2160</v>
      </c>
      <c r="K48" s="478">
        <v>1528</v>
      </c>
      <c r="L48" s="501">
        <v>3837</v>
      </c>
      <c r="M48" s="478">
        <v>2304</v>
      </c>
      <c r="N48" s="477">
        <v>1533</v>
      </c>
      <c r="O48" s="488"/>
    </row>
    <row r="49" spans="1:15" s="79" customFormat="1" ht="15" customHeight="1">
      <c r="A49" s="475"/>
      <c r="B49" s="510" t="s">
        <v>828</v>
      </c>
      <c r="C49" s="501">
        <v>185</v>
      </c>
      <c r="D49" s="511">
        <v>100</v>
      </c>
      <c r="E49" s="512">
        <v>85</v>
      </c>
      <c r="F49" s="501">
        <v>457</v>
      </c>
      <c r="G49" s="478">
        <v>272</v>
      </c>
      <c r="H49" s="478">
        <v>185</v>
      </c>
      <c r="I49" s="501">
        <v>1632</v>
      </c>
      <c r="J49" s="478">
        <v>961</v>
      </c>
      <c r="K49" s="478">
        <v>671</v>
      </c>
      <c r="L49" s="501">
        <v>1647</v>
      </c>
      <c r="M49" s="478">
        <v>924</v>
      </c>
      <c r="N49" s="477">
        <v>723</v>
      </c>
      <c r="O49" s="488"/>
    </row>
    <row r="50" spans="1:15" s="79" customFormat="1" ht="15" customHeight="1">
      <c r="A50" s="475"/>
      <c r="B50" s="510" t="s">
        <v>300</v>
      </c>
      <c r="C50" s="501">
        <v>13</v>
      </c>
      <c r="D50" s="511">
        <v>3</v>
      </c>
      <c r="E50" s="512">
        <v>10</v>
      </c>
      <c r="F50" s="501">
        <v>36</v>
      </c>
      <c r="G50" s="478">
        <v>17</v>
      </c>
      <c r="H50" s="478">
        <v>19</v>
      </c>
      <c r="I50" s="501">
        <v>101</v>
      </c>
      <c r="J50" s="478">
        <v>54</v>
      </c>
      <c r="K50" s="478">
        <v>47</v>
      </c>
      <c r="L50" s="501">
        <v>101</v>
      </c>
      <c r="M50" s="478">
        <v>52</v>
      </c>
      <c r="N50" s="477">
        <v>49</v>
      </c>
      <c r="O50" s="488"/>
    </row>
    <row r="51" spans="1:15" s="474" customFormat="1" ht="17.25" customHeight="1">
      <c r="A51" s="1159" t="s">
        <v>829</v>
      </c>
      <c r="B51" s="1160"/>
      <c r="C51" s="496">
        <v>7986</v>
      </c>
      <c r="D51" s="494">
        <v>4065</v>
      </c>
      <c r="E51" s="494">
        <v>3921</v>
      </c>
      <c r="F51" s="496">
        <v>13074</v>
      </c>
      <c r="G51" s="494">
        <v>6733</v>
      </c>
      <c r="H51" s="494">
        <v>6341</v>
      </c>
      <c r="I51" s="493">
        <v>55167</v>
      </c>
      <c r="J51" s="494">
        <v>29472</v>
      </c>
      <c r="K51" s="494">
        <v>25695</v>
      </c>
      <c r="L51" s="496">
        <v>46845</v>
      </c>
      <c r="M51" s="494">
        <v>25283</v>
      </c>
      <c r="N51" s="493">
        <v>21562</v>
      </c>
      <c r="O51" s="473"/>
    </row>
    <row r="52" spans="1:15" s="79" customFormat="1" ht="15" customHeight="1">
      <c r="A52" s="475"/>
      <c r="B52" s="510" t="s">
        <v>830</v>
      </c>
      <c r="C52" s="501">
        <v>1417</v>
      </c>
      <c r="D52" s="511">
        <v>705</v>
      </c>
      <c r="E52" s="512">
        <v>712</v>
      </c>
      <c r="F52" s="501">
        <v>2815</v>
      </c>
      <c r="G52" s="478">
        <v>1443</v>
      </c>
      <c r="H52" s="478">
        <v>1372</v>
      </c>
      <c r="I52" s="501">
        <v>8918</v>
      </c>
      <c r="J52" s="478">
        <v>4825</v>
      </c>
      <c r="K52" s="478">
        <v>4093</v>
      </c>
      <c r="L52" s="501">
        <v>8187</v>
      </c>
      <c r="M52" s="478">
        <v>4479</v>
      </c>
      <c r="N52" s="477">
        <v>3708</v>
      </c>
      <c r="O52" s="488"/>
    </row>
    <row r="53" spans="1:15" s="79" customFormat="1" ht="15" customHeight="1">
      <c r="A53" s="475"/>
      <c r="B53" s="510" t="s">
        <v>292</v>
      </c>
      <c r="C53" s="501">
        <v>3099</v>
      </c>
      <c r="D53" s="511">
        <v>1610</v>
      </c>
      <c r="E53" s="512">
        <v>1489</v>
      </c>
      <c r="F53" s="501">
        <v>4029</v>
      </c>
      <c r="G53" s="478">
        <v>2025</v>
      </c>
      <c r="H53" s="478">
        <v>2004</v>
      </c>
      <c r="I53" s="501">
        <v>21470</v>
      </c>
      <c r="J53" s="478">
        <v>11448</v>
      </c>
      <c r="K53" s="478">
        <v>10022</v>
      </c>
      <c r="L53" s="501">
        <v>16903</v>
      </c>
      <c r="M53" s="478">
        <v>9095</v>
      </c>
      <c r="N53" s="477">
        <v>7808</v>
      </c>
      <c r="O53" s="488"/>
    </row>
    <row r="54" spans="1:15" s="79" customFormat="1" ht="15" customHeight="1">
      <c r="A54" s="475"/>
      <c r="B54" s="510" t="s">
        <v>831</v>
      </c>
      <c r="C54" s="501">
        <v>1525</v>
      </c>
      <c r="D54" s="511">
        <v>773</v>
      </c>
      <c r="E54" s="512">
        <v>752</v>
      </c>
      <c r="F54" s="501">
        <v>2318</v>
      </c>
      <c r="G54" s="478">
        <v>1237</v>
      </c>
      <c r="H54" s="478">
        <v>1081</v>
      </c>
      <c r="I54" s="501">
        <v>10146</v>
      </c>
      <c r="J54" s="478">
        <v>5082</v>
      </c>
      <c r="K54" s="478">
        <v>5064</v>
      </c>
      <c r="L54" s="501">
        <v>7988</v>
      </c>
      <c r="M54" s="478">
        <v>4057</v>
      </c>
      <c r="N54" s="477">
        <v>3931</v>
      </c>
      <c r="O54" s="488"/>
    </row>
    <row r="55" spans="1:15" s="79" customFormat="1" ht="15" customHeight="1">
      <c r="A55" s="475"/>
      <c r="B55" s="510" t="s">
        <v>832</v>
      </c>
      <c r="C55" s="501">
        <v>780</v>
      </c>
      <c r="D55" s="511">
        <v>396</v>
      </c>
      <c r="E55" s="512">
        <v>384</v>
      </c>
      <c r="F55" s="501">
        <v>1609</v>
      </c>
      <c r="G55" s="478">
        <v>848</v>
      </c>
      <c r="H55" s="478">
        <v>761</v>
      </c>
      <c r="I55" s="501">
        <v>5821</v>
      </c>
      <c r="J55" s="478">
        <v>3233</v>
      </c>
      <c r="K55" s="478">
        <v>2588</v>
      </c>
      <c r="L55" s="501">
        <v>5422</v>
      </c>
      <c r="M55" s="478">
        <v>3074</v>
      </c>
      <c r="N55" s="477">
        <v>2348</v>
      </c>
      <c r="O55" s="488"/>
    </row>
    <row r="56" spans="1:15" s="79" customFormat="1" ht="15" customHeight="1">
      <c r="A56" s="475"/>
      <c r="B56" s="510" t="s">
        <v>833</v>
      </c>
      <c r="C56" s="501">
        <v>603</v>
      </c>
      <c r="D56" s="511">
        <v>309</v>
      </c>
      <c r="E56" s="512">
        <v>294</v>
      </c>
      <c r="F56" s="501">
        <v>1025</v>
      </c>
      <c r="G56" s="478">
        <v>532</v>
      </c>
      <c r="H56" s="478">
        <v>493</v>
      </c>
      <c r="I56" s="501">
        <v>4463</v>
      </c>
      <c r="J56" s="478">
        <v>2510</v>
      </c>
      <c r="K56" s="478">
        <v>1953</v>
      </c>
      <c r="L56" s="501">
        <v>4459</v>
      </c>
      <c r="M56" s="478">
        <v>2516</v>
      </c>
      <c r="N56" s="477">
        <v>1943</v>
      </c>
      <c r="O56" s="488"/>
    </row>
    <row r="57" spans="1:15" s="79" customFormat="1" ht="15" customHeight="1">
      <c r="A57" s="475"/>
      <c r="B57" s="510" t="s">
        <v>834</v>
      </c>
      <c r="C57" s="501">
        <v>306</v>
      </c>
      <c r="D57" s="511">
        <v>155</v>
      </c>
      <c r="E57" s="512">
        <v>151</v>
      </c>
      <c r="F57" s="501">
        <v>520</v>
      </c>
      <c r="G57" s="478">
        <v>280</v>
      </c>
      <c r="H57" s="478">
        <v>240</v>
      </c>
      <c r="I57" s="501">
        <v>2115</v>
      </c>
      <c r="J57" s="478">
        <v>1210</v>
      </c>
      <c r="K57" s="478">
        <v>905</v>
      </c>
      <c r="L57" s="501">
        <v>1769</v>
      </c>
      <c r="M57" s="478">
        <v>981</v>
      </c>
      <c r="N57" s="477">
        <v>788</v>
      </c>
      <c r="O57" s="488"/>
    </row>
    <row r="58" spans="1:15" s="79" customFormat="1" ht="15" customHeight="1">
      <c r="A58" s="475"/>
      <c r="B58" s="510" t="s">
        <v>835</v>
      </c>
      <c r="C58" s="501">
        <v>140</v>
      </c>
      <c r="D58" s="511">
        <v>60</v>
      </c>
      <c r="E58" s="512">
        <v>80</v>
      </c>
      <c r="F58" s="501">
        <v>395</v>
      </c>
      <c r="G58" s="478">
        <v>185</v>
      </c>
      <c r="H58" s="478">
        <v>210</v>
      </c>
      <c r="I58" s="501">
        <v>1132</v>
      </c>
      <c r="J58" s="478">
        <v>591</v>
      </c>
      <c r="K58" s="478">
        <v>541</v>
      </c>
      <c r="L58" s="501">
        <v>1124</v>
      </c>
      <c r="M58" s="478">
        <v>565</v>
      </c>
      <c r="N58" s="477">
        <v>559</v>
      </c>
      <c r="O58" s="488"/>
    </row>
    <row r="59" spans="1:15" s="79" customFormat="1" ht="15" customHeight="1">
      <c r="A59" s="475"/>
      <c r="B59" s="510" t="s">
        <v>836</v>
      </c>
      <c r="C59" s="501">
        <v>116</v>
      </c>
      <c r="D59" s="511">
        <v>57</v>
      </c>
      <c r="E59" s="512">
        <v>59</v>
      </c>
      <c r="F59" s="501">
        <v>363</v>
      </c>
      <c r="G59" s="478">
        <v>183</v>
      </c>
      <c r="H59" s="478">
        <v>180</v>
      </c>
      <c r="I59" s="501">
        <v>1102</v>
      </c>
      <c r="J59" s="478">
        <v>573</v>
      </c>
      <c r="K59" s="478">
        <v>529</v>
      </c>
      <c r="L59" s="501">
        <v>993</v>
      </c>
      <c r="M59" s="478">
        <v>516</v>
      </c>
      <c r="N59" s="477">
        <v>477</v>
      </c>
      <c r="O59" s="488"/>
    </row>
    <row r="60" spans="1:15" s="474" customFormat="1" ht="17.25" customHeight="1">
      <c r="A60" s="1159" t="s">
        <v>837</v>
      </c>
      <c r="B60" s="1160"/>
      <c r="C60" s="496">
        <v>1730</v>
      </c>
      <c r="D60" s="494">
        <v>918</v>
      </c>
      <c r="E60" s="494">
        <v>812</v>
      </c>
      <c r="F60" s="496">
        <v>4329</v>
      </c>
      <c r="G60" s="494">
        <v>2281</v>
      </c>
      <c r="H60" s="494">
        <v>2048</v>
      </c>
      <c r="I60" s="493">
        <v>12862</v>
      </c>
      <c r="J60" s="494">
        <v>6554</v>
      </c>
      <c r="K60" s="494">
        <v>6308</v>
      </c>
      <c r="L60" s="496">
        <v>12302</v>
      </c>
      <c r="M60" s="494">
        <v>6309</v>
      </c>
      <c r="N60" s="493">
        <v>5993</v>
      </c>
      <c r="O60" s="473"/>
    </row>
    <row r="61" spans="1:15" s="79" customFormat="1" ht="15" customHeight="1">
      <c r="A61" s="475"/>
      <c r="B61" s="510" t="s">
        <v>838</v>
      </c>
      <c r="C61" s="501">
        <v>1068</v>
      </c>
      <c r="D61" s="511">
        <v>564</v>
      </c>
      <c r="E61" s="512">
        <v>504</v>
      </c>
      <c r="F61" s="501">
        <v>2307</v>
      </c>
      <c r="G61" s="478">
        <v>1223</v>
      </c>
      <c r="H61" s="478">
        <v>1084</v>
      </c>
      <c r="I61" s="501">
        <v>6942</v>
      </c>
      <c r="J61" s="478">
        <v>3627</v>
      </c>
      <c r="K61" s="478">
        <v>3315</v>
      </c>
      <c r="L61" s="501">
        <v>6387</v>
      </c>
      <c r="M61" s="478">
        <v>3340</v>
      </c>
      <c r="N61" s="477">
        <v>3047</v>
      </c>
      <c r="O61" s="488"/>
    </row>
    <row r="62" spans="1:15" s="79" customFormat="1" ht="15" customHeight="1">
      <c r="A62" s="475"/>
      <c r="B62" s="510" t="s">
        <v>839</v>
      </c>
      <c r="C62" s="501">
        <v>163</v>
      </c>
      <c r="D62" s="511">
        <v>88</v>
      </c>
      <c r="E62" s="512">
        <v>75</v>
      </c>
      <c r="F62" s="501">
        <v>513</v>
      </c>
      <c r="G62" s="478">
        <v>287</v>
      </c>
      <c r="H62" s="478">
        <v>226</v>
      </c>
      <c r="I62" s="501">
        <v>1322</v>
      </c>
      <c r="J62" s="478">
        <v>694</v>
      </c>
      <c r="K62" s="478">
        <v>628</v>
      </c>
      <c r="L62" s="501">
        <v>1371</v>
      </c>
      <c r="M62" s="478">
        <v>707</v>
      </c>
      <c r="N62" s="477">
        <v>664</v>
      </c>
      <c r="O62" s="488"/>
    </row>
    <row r="63" spans="1:15" s="79" customFormat="1" ht="15" customHeight="1">
      <c r="A63" s="475"/>
      <c r="B63" s="510" t="s">
        <v>840</v>
      </c>
      <c r="C63" s="501">
        <v>32</v>
      </c>
      <c r="D63" s="511">
        <v>19</v>
      </c>
      <c r="E63" s="512">
        <v>13</v>
      </c>
      <c r="F63" s="501">
        <v>131</v>
      </c>
      <c r="G63" s="478">
        <v>80</v>
      </c>
      <c r="H63" s="478">
        <v>51</v>
      </c>
      <c r="I63" s="501">
        <v>237</v>
      </c>
      <c r="J63" s="478">
        <v>130</v>
      </c>
      <c r="K63" s="478">
        <v>107</v>
      </c>
      <c r="L63" s="501">
        <v>301</v>
      </c>
      <c r="M63" s="478">
        <v>172</v>
      </c>
      <c r="N63" s="477">
        <v>129</v>
      </c>
      <c r="O63" s="488"/>
    </row>
    <row r="64" spans="1:15" s="79" customFormat="1" ht="15" customHeight="1">
      <c r="A64" s="475"/>
      <c r="B64" s="510" t="s">
        <v>841</v>
      </c>
      <c r="C64" s="501">
        <v>113</v>
      </c>
      <c r="D64" s="511">
        <v>55</v>
      </c>
      <c r="E64" s="512">
        <v>58</v>
      </c>
      <c r="F64" s="501">
        <v>176</v>
      </c>
      <c r="G64" s="478">
        <v>91</v>
      </c>
      <c r="H64" s="478">
        <v>85</v>
      </c>
      <c r="I64" s="501">
        <v>687</v>
      </c>
      <c r="J64" s="478">
        <v>347</v>
      </c>
      <c r="K64" s="478">
        <v>340</v>
      </c>
      <c r="L64" s="501">
        <v>590</v>
      </c>
      <c r="M64" s="478">
        <v>334</v>
      </c>
      <c r="N64" s="477">
        <v>256</v>
      </c>
      <c r="O64" s="488"/>
    </row>
    <row r="65" spans="1:15" s="79" customFormat="1" ht="15" customHeight="1">
      <c r="A65" s="475"/>
      <c r="B65" s="510" t="s">
        <v>842</v>
      </c>
      <c r="C65" s="501">
        <v>47</v>
      </c>
      <c r="D65" s="511">
        <v>22</v>
      </c>
      <c r="E65" s="512">
        <v>25</v>
      </c>
      <c r="F65" s="501">
        <v>132</v>
      </c>
      <c r="G65" s="478">
        <v>66</v>
      </c>
      <c r="H65" s="478">
        <v>66</v>
      </c>
      <c r="I65" s="501">
        <v>458</v>
      </c>
      <c r="J65" s="478">
        <v>172</v>
      </c>
      <c r="K65" s="478">
        <v>286</v>
      </c>
      <c r="L65" s="501">
        <v>549</v>
      </c>
      <c r="M65" s="478">
        <v>208</v>
      </c>
      <c r="N65" s="477">
        <v>341</v>
      </c>
      <c r="O65" s="488"/>
    </row>
    <row r="66" spans="1:15" s="79" customFormat="1" ht="15" customHeight="1">
      <c r="A66" s="475"/>
      <c r="B66" s="510" t="s">
        <v>293</v>
      </c>
      <c r="C66" s="501">
        <v>30</v>
      </c>
      <c r="D66" s="511">
        <v>15</v>
      </c>
      <c r="E66" s="512">
        <v>15</v>
      </c>
      <c r="F66" s="501">
        <v>168</v>
      </c>
      <c r="G66" s="478">
        <v>87</v>
      </c>
      <c r="H66" s="478">
        <v>81</v>
      </c>
      <c r="I66" s="501">
        <v>224</v>
      </c>
      <c r="J66" s="478">
        <v>123</v>
      </c>
      <c r="K66" s="478">
        <v>101</v>
      </c>
      <c r="L66" s="501">
        <v>263</v>
      </c>
      <c r="M66" s="478">
        <v>138</v>
      </c>
      <c r="N66" s="477">
        <v>125</v>
      </c>
      <c r="O66" s="488"/>
    </row>
    <row r="67" spans="1:15" s="79" customFormat="1" ht="15" customHeight="1">
      <c r="A67" s="475"/>
      <c r="B67" s="510" t="s">
        <v>286</v>
      </c>
      <c r="C67" s="501">
        <v>152</v>
      </c>
      <c r="D67" s="511">
        <v>86</v>
      </c>
      <c r="E67" s="512">
        <v>66</v>
      </c>
      <c r="F67" s="501">
        <v>146</v>
      </c>
      <c r="G67" s="478">
        <v>78</v>
      </c>
      <c r="H67" s="478">
        <v>68</v>
      </c>
      <c r="I67" s="501">
        <v>744</v>
      </c>
      <c r="J67" s="478">
        <v>373</v>
      </c>
      <c r="K67" s="478">
        <v>371</v>
      </c>
      <c r="L67" s="501">
        <v>587</v>
      </c>
      <c r="M67" s="478">
        <v>311</v>
      </c>
      <c r="N67" s="477">
        <v>276</v>
      </c>
      <c r="O67" s="488"/>
    </row>
    <row r="68" spans="1:15" s="79" customFormat="1" ht="15" customHeight="1">
      <c r="A68" s="475"/>
      <c r="B68" s="510" t="s">
        <v>285</v>
      </c>
      <c r="C68" s="501">
        <v>25</v>
      </c>
      <c r="D68" s="511">
        <v>13</v>
      </c>
      <c r="E68" s="512">
        <v>12</v>
      </c>
      <c r="F68" s="501">
        <v>177</v>
      </c>
      <c r="G68" s="478">
        <v>91</v>
      </c>
      <c r="H68" s="478">
        <v>86</v>
      </c>
      <c r="I68" s="501">
        <v>1020</v>
      </c>
      <c r="J68" s="478">
        <v>491</v>
      </c>
      <c r="K68" s="478">
        <v>529</v>
      </c>
      <c r="L68" s="501">
        <v>1031</v>
      </c>
      <c r="M68" s="478">
        <v>490</v>
      </c>
      <c r="N68" s="477">
        <v>541</v>
      </c>
      <c r="O68" s="488"/>
    </row>
    <row r="69" spans="1:15" s="79" customFormat="1" ht="15" customHeight="1">
      <c r="A69" s="475"/>
      <c r="B69" s="510" t="s">
        <v>287</v>
      </c>
      <c r="C69" s="501">
        <v>18</v>
      </c>
      <c r="D69" s="511">
        <v>8</v>
      </c>
      <c r="E69" s="512">
        <v>10</v>
      </c>
      <c r="F69" s="501">
        <v>138</v>
      </c>
      <c r="G69" s="478">
        <v>68</v>
      </c>
      <c r="H69" s="478">
        <v>70</v>
      </c>
      <c r="I69" s="501">
        <v>191</v>
      </c>
      <c r="J69" s="478">
        <v>86</v>
      </c>
      <c r="K69" s="478">
        <v>105</v>
      </c>
      <c r="L69" s="501">
        <v>203</v>
      </c>
      <c r="M69" s="478">
        <v>106</v>
      </c>
      <c r="N69" s="477">
        <v>97</v>
      </c>
      <c r="O69" s="488"/>
    </row>
    <row r="70" spans="1:15" s="79" customFormat="1" ht="15" customHeight="1">
      <c r="A70" s="475"/>
      <c r="B70" s="510" t="s">
        <v>289</v>
      </c>
      <c r="C70" s="501">
        <v>82</v>
      </c>
      <c r="D70" s="511">
        <v>48</v>
      </c>
      <c r="E70" s="512">
        <v>34</v>
      </c>
      <c r="F70" s="501">
        <v>441</v>
      </c>
      <c r="G70" s="478">
        <v>210</v>
      </c>
      <c r="H70" s="478">
        <v>231</v>
      </c>
      <c r="I70" s="501">
        <v>1037</v>
      </c>
      <c r="J70" s="478">
        <v>511</v>
      </c>
      <c r="K70" s="478">
        <v>526</v>
      </c>
      <c r="L70" s="501">
        <v>1020</v>
      </c>
      <c r="M70" s="478">
        <v>503</v>
      </c>
      <c r="N70" s="477">
        <v>517</v>
      </c>
      <c r="O70" s="488"/>
    </row>
    <row r="71" spans="1:15" s="80" customFormat="1" ht="11.25" customHeight="1" thickBot="1">
      <c r="A71" s="489"/>
      <c r="B71" s="250"/>
      <c r="C71" s="489"/>
      <c r="D71" s="291"/>
      <c r="E71" s="291"/>
      <c r="F71" s="291"/>
      <c r="G71" s="291"/>
      <c r="H71" s="291"/>
      <c r="I71" s="489"/>
      <c r="J71" s="520"/>
      <c r="K71" s="520"/>
      <c r="L71" s="291"/>
      <c r="M71" s="291"/>
      <c r="N71" s="520"/>
    </row>
    <row r="72" spans="1:15" ht="9" customHeight="1" thickTop="1"/>
    <row r="73" spans="1:15" ht="15" customHeight="1">
      <c r="B73" s="349" t="s">
        <v>843</v>
      </c>
    </row>
  </sheetData>
  <mergeCells count="12">
    <mergeCell ref="A60:B60"/>
    <mergeCell ref="A6:B6"/>
    <mergeCell ref="A25:B25"/>
    <mergeCell ref="A33:B33"/>
    <mergeCell ref="A39:B39"/>
    <mergeCell ref="A40:B40"/>
    <mergeCell ref="A51:B51"/>
    <mergeCell ref="A3:B4"/>
    <mergeCell ref="C3:E3"/>
    <mergeCell ref="F3:H3"/>
    <mergeCell ref="I3:K3"/>
    <mergeCell ref="L3:N3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firstPageNumber="50" orientation="portrait" blackAndWhite="1" r:id="rId1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2"/>
  <sheetViews>
    <sheetView zoomScale="80" zoomScaleNormal="80" workbookViewId="0"/>
  </sheetViews>
  <sheetFormatPr defaultRowHeight="13.5"/>
  <cols>
    <col min="1" max="1" width="2.25" style="153" customWidth="1"/>
    <col min="2" max="2" width="13.25" style="153" customWidth="1"/>
    <col min="3" max="14" width="8.75" style="153" customWidth="1"/>
    <col min="15" max="16384" width="9" style="153"/>
  </cols>
  <sheetData>
    <row r="1" spans="1:17" ht="17.25">
      <c r="A1" s="460" t="s">
        <v>844</v>
      </c>
    </row>
    <row r="2" spans="1:17" s="80" customFormat="1" ht="24.75" customHeight="1" thickBot="1">
      <c r="A2" s="461" t="s">
        <v>845</v>
      </c>
      <c r="B2" s="117"/>
      <c r="C2" s="117"/>
      <c r="D2" s="117"/>
      <c r="E2" s="117"/>
      <c r="F2" s="117"/>
      <c r="G2" s="117"/>
      <c r="H2" s="117"/>
      <c r="I2" s="117"/>
      <c r="J2" s="117"/>
      <c r="K2" s="117"/>
      <c r="M2" s="117" t="s">
        <v>950</v>
      </c>
      <c r="N2" s="79"/>
    </row>
    <row r="3" spans="1:17" s="79" customFormat="1" ht="15" customHeight="1" thickTop="1">
      <c r="A3" s="1149" t="s">
        <v>779</v>
      </c>
      <c r="B3" s="1150"/>
      <c r="C3" s="1153" t="s">
        <v>846</v>
      </c>
      <c r="D3" s="1154"/>
      <c r="E3" s="1155"/>
      <c r="F3" s="1156" t="s">
        <v>847</v>
      </c>
      <c r="G3" s="1157"/>
      <c r="H3" s="1158"/>
      <c r="I3" s="1156" t="s">
        <v>326</v>
      </c>
      <c r="J3" s="1157"/>
      <c r="K3" s="1158"/>
      <c r="L3" s="1156" t="s">
        <v>327</v>
      </c>
      <c r="M3" s="1157"/>
      <c r="N3" s="1157"/>
    </row>
    <row r="4" spans="1:17" s="79" customFormat="1" ht="15" customHeight="1">
      <c r="A4" s="1151"/>
      <c r="B4" s="1152"/>
      <c r="C4" s="462" t="s">
        <v>191</v>
      </c>
      <c r="D4" s="462" t="s">
        <v>508</v>
      </c>
      <c r="E4" s="463" t="s">
        <v>509</v>
      </c>
      <c r="F4" s="464" t="s">
        <v>191</v>
      </c>
      <c r="G4" s="462" t="s">
        <v>508</v>
      </c>
      <c r="H4" s="462" t="s">
        <v>509</v>
      </c>
      <c r="I4" s="462" t="s">
        <v>191</v>
      </c>
      <c r="J4" s="462" t="s">
        <v>508</v>
      </c>
      <c r="K4" s="463" t="s">
        <v>509</v>
      </c>
      <c r="L4" s="464" t="s">
        <v>191</v>
      </c>
      <c r="M4" s="462" t="s">
        <v>508</v>
      </c>
      <c r="N4" s="462" t="s">
        <v>509</v>
      </c>
    </row>
    <row r="5" spans="1:17" s="474" customFormat="1" ht="17.25" customHeight="1">
      <c r="A5" s="467"/>
      <c r="B5" s="468" t="s">
        <v>848</v>
      </c>
      <c r="C5" s="493">
        <v>90532</v>
      </c>
      <c r="D5" s="494">
        <v>48139</v>
      </c>
      <c r="E5" s="495">
        <v>42393</v>
      </c>
      <c r="F5" s="496">
        <v>167</v>
      </c>
      <c r="G5" s="494">
        <v>85</v>
      </c>
      <c r="H5" s="494">
        <v>82</v>
      </c>
      <c r="I5" s="493">
        <v>8780</v>
      </c>
      <c r="J5" s="494">
        <v>5846</v>
      </c>
      <c r="K5" s="494">
        <v>2934</v>
      </c>
      <c r="L5" s="496">
        <v>81583</v>
      </c>
      <c r="M5" s="494">
        <v>42207</v>
      </c>
      <c r="N5" s="497">
        <v>39376</v>
      </c>
      <c r="O5" s="482"/>
    </row>
    <row r="6" spans="1:17" s="474" customFormat="1" ht="17.25" customHeight="1">
      <c r="A6" s="1161" t="s">
        <v>785</v>
      </c>
      <c r="B6" s="1162"/>
      <c r="C6" s="493">
        <v>36333</v>
      </c>
      <c r="D6" s="494">
        <v>19178</v>
      </c>
      <c r="E6" s="495">
        <v>17155</v>
      </c>
      <c r="F6" s="496">
        <v>63</v>
      </c>
      <c r="G6" s="494">
        <v>32</v>
      </c>
      <c r="H6" s="494">
        <v>31</v>
      </c>
      <c r="I6" s="493">
        <v>3443</v>
      </c>
      <c r="J6" s="494">
        <v>2257</v>
      </c>
      <c r="K6" s="494">
        <v>1186</v>
      </c>
      <c r="L6" s="496">
        <v>32827</v>
      </c>
      <c r="M6" s="494">
        <v>16889</v>
      </c>
      <c r="N6" s="493">
        <v>15938</v>
      </c>
      <c r="O6" s="482"/>
    </row>
    <row r="7" spans="1:17" s="79" customFormat="1" ht="15" customHeight="1">
      <c r="A7" s="475"/>
      <c r="B7" s="476" t="s">
        <v>786</v>
      </c>
      <c r="C7" s="498">
        <v>2568</v>
      </c>
      <c r="D7" s="499">
        <v>1372</v>
      </c>
      <c r="E7" s="500">
        <v>1196</v>
      </c>
      <c r="F7" s="501">
        <v>7</v>
      </c>
      <c r="G7" s="499">
        <v>2</v>
      </c>
      <c r="H7" s="501">
        <v>5</v>
      </c>
      <c r="I7" s="498">
        <v>301</v>
      </c>
      <c r="J7" s="499">
        <v>205</v>
      </c>
      <c r="K7" s="500">
        <v>96</v>
      </c>
      <c r="L7" s="501">
        <v>2260</v>
      </c>
      <c r="M7" s="499">
        <v>1165</v>
      </c>
      <c r="N7" s="501">
        <v>1095</v>
      </c>
      <c r="O7" s="488"/>
      <c r="Q7" s="117"/>
    </row>
    <row r="8" spans="1:17" s="79" customFormat="1" ht="15" customHeight="1">
      <c r="A8" s="475"/>
      <c r="B8" s="476" t="s">
        <v>787</v>
      </c>
      <c r="C8" s="498">
        <v>2174</v>
      </c>
      <c r="D8" s="499">
        <v>1140</v>
      </c>
      <c r="E8" s="500">
        <v>1034</v>
      </c>
      <c r="F8" s="501">
        <v>0</v>
      </c>
      <c r="G8" s="499">
        <v>0</v>
      </c>
      <c r="H8" s="501">
        <v>0</v>
      </c>
      <c r="I8" s="498">
        <v>200</v>
      </c>
      <c r="J8" s="499">
        <v>136</v>
      </c>
      <c r="K8" s="500">
        <v>64</v>
      </c>
      <c r="L8" s="501">
        <v>1974</v>
      </c>
      <c r="M8" s="499">
        <v>1004</v>
      </c>
      <c r="N8" s="501">
        <v>970</v>
      </c>
      <c r="O8" s="488"/>
    </row>
    <row r="9" spans="1:17" s="79" customFormat="1" ht="15" customHeight="1">
      <c r="A9" s="475"/>
      <c r="B9" s="476" t="s">
        <v>788</v>
      </c>
      <c r="C9" s="498">
        <v>910</v>
      </c>
      <c r="D9" s="499">
        <v>482</v>
      </c>
      <c r="E9" s="500">
        <v>428</v>
      </c>
      <c r="F9" s="501">
        <v>2</v>
      </c>
      <c r="G9" s="499">
        <v>1</v>
      </c>
      <c r="H9" s="501">
        <v>1</v>
      </c>
      <c r="I9" s="498">
        <v>94</v>
      </c>
      <c r="J9" s="499">
        <v>69</v>
      </c>
      <c r="K9" s="500">
        <v>25</v>
      </c>
      <c r="L9" s="501">
        <v>814</v>
      </c>
      <c r="M9" s="499">
        <v>412</v>
      </c>
      <c r="N9" s="501">
        <v>402</v>
      </c>
      <c r="O9" s="488"/>
    </row>
    <row r="10" spans="1:17" s="79" customFormat="1" ht="15" customHeight="1">
      <c r="A10" s="475"/>
      <c r="B10" s="481" t="s">
        <v>789</v>
      </c>
      <c r="C10" s="498">
        <v>1750</v>
      </c>
      <c r="D10" s="499">
        <v>1038</v>
      </c>
      <c r="E10" s="500">
        <v>712</v>
      </c>
      <c r="F10" s="501">
        <v>4</v>
      </c>
      <c r="G10" s="499">
        <v>3</v>
      </c>
      <c r="H10" s="501">
        <v>1</v>
      </c>
      <c r="I10" s="498">
        <v>213</v>
      </c>
      <c r="J10" s="499">
        <v>161</v>
      </c>
      <c r="K10" s="500">
        <v>52</v>
      </c>
      <c r="L10" s="501">
        <v>1533</v>
      </c>
      <c r="M10" s="499">
        <v>874</v>
      </c>
      <c r="N10" s="501">
        <v>659</v>
      </c>
      <c r="O10" s="488"/>
    </row>
    <row r="11" spans="1:17" s="79" customFormat="1" ht="15" customHeight="1">
      <c r="A11" s="475"/>
      <c r="B11" s="481" t="s">
        <v>790</v>
      </c>
      <c r="C11" s="498">
        <v>2287</v>
      </c>
      <c r="D11" s="499">
        <v>1250</v>
      </c>
      <c r="E11" s="500">
        <v>1037</v>
      </c>
      <c r="F11" s="501">
        <v>5</v>
      </c>
      <c r="G11" s="499">
        <v>3</v>
      </c>
      <c r="H11" s="501">
        <v>2</v>
      </c>
      <c r="I11" s="498">
        <v>242</v>
      </c>
      <c r="J11" s="499">
        <v>159</v>
      </c>
      <c r="K11" s="500">
        <v>83</v>
      </c>
      <c r="L11" s="501">
        <v>2040</v>
      </c>
      <c r="M11" s="499">
        <v>1088</v>
      </c>
      <c r="N11" s="501">
        <v>952</v>
      </c>
      <c r="O11" s="488"/>
    </row>
    <row r="12" spans="1:17" s="79" customFormat="1" ht="15" customHeight="1">
      <c r="A12" s="475"/>
      <c r="B12" s="481" t="s">
        <v>849</v>
      </c>
      <c r="C12" s="498">
        <v>2300</v>
      </c>
      <c r="D12" s="499">
        <v>1195</v>
      </c>
      <c r="E12" s="500">
        <v>1105</v>
      </c>
      <c r="F12" s="501">
        <v>3</v>
      </c>
      <c r="G12" s="499">
        <v>2</v>
      </c>
      <c r="H12" s="501">
        <v>1</v>
      </c>
      <c r="I12" s="498">
        <v>208</v>
      </c>
      <c r="J12" s="499">
        <v>140</v>
      </c>
      <c r="K12" s="500">
        <v>68</v>
      </c>
      <c r="L12" s="501">
        <v>2089</v>
      </c>
      <c r="M12" s="499">
        <v>1053</v>
      </c>
      <c r="N12" s="501">
        <v>1036</v>
      </c>
      <c r="O12" s="488"/>
    </row>
    <row r="13" spans="1:17" s="79" customFormat="1" ht="15" customHeight="1">
      <c r="A13" s="475"/>
      <c r="B13" s="481" t="s">
        <v>792</v>
      </c>
      <c r="C13" s="498">
        <v>1767</v>
      </c>
      <c r="D13" s="499">
        <v>896</v>
      </c>
      <c r="E13" s="500">
        <v>871</v>
      </c>
      <c r="F13" s="501">
        <v>3</v>
      </c>
      <c r="G13" s="499">
        <v>0</v>
      </c>
      <c r="H13" s="501">
        <v>3</v>
      </c>
      <c r="I13" s="498">
        <v>153</v>
      </c>
      <c r="J13" s="499">
        <v>100</v>
      </c>
      <c r="K13" s="500">
        <v>53</v>
      </c>
      <c r="L13" s="501">
        <v>1611</v>
      </c>
      <c r="M13" s="499">
        <v>796</v>
      </c>
      <c r="N13" s="501">
        <v>815</v>
      </c>
      <c r="O13" s="488"/>
    </row>
    <row r="14" spans="1:17" s="79" customFormat="1" ht="15" customHeight="1">
      <c r="A14" s="475"/>
      <c r="B14" s="481" t="s">
        <v>793</v>
      </c>
      <c r="C14" s="498">
        <v>2043</v>
      </c>
      <c r="D14" s="499">
        <v>1063</v>
      </c>
      <c r="E14" s="500">
        <v>980</v>
      </c>
      <c r="F14" s="501">
        <v>4</v>
      </c>
      <c r="G14" s="499">
        <v>3</v>
      </c>
      <c r="H14" s="501">
        <v>1</v>
      </c>
      <c r="I14" s="498">
        <v>172</v>
      </c>
      <c r="J14" s="499">
        <v>109</v>
      </c>
      <c r="K14" s="500">
        <v>63</v>
      </c>
      <c r="L14" s="501">
        <v>1867</v>
      </c>
      <c r="M14" s="499">
        <v>951</v>
      </c>
      <c r="N14" s="501">
        <v>916</v>
      </c>
      <c r="O14" s="488"/>
    </row>
    <row r="15" spans="1:17" s="79" customFormat="1" ht="15" customHeight="1">
      <c r="A15" s="475"/>
      <c r="B15" s="481" t="s">
        <v>794</v>
      </c>
      <c r="C15" s="498">
        <v>2707</v>
      </c>
      <c r="D15" s="499">
        <v>1403</v>
      </c>
      <c r="E15" s="500">
        <v>1304</v>
      </c>
      <c r="F15" s="501">
        <v>8</v>
      </c>
      <c r="G15" s="499">
        <v>3</v>
      </c>
      <c r="H15" s="501">
        <v>5</v>
      </c>
      <c r="I15" s="498">
        <v>279</v>
      </c>
      <c r="J15" s="499">
        <v>180</v>
      </c>
      <c r="K15" s="500">
        <v>99</v>
      </c>
      <c r="L15" s="501">
        <v>2420</v>
      </c>
      <c r="M15" s="499">
        <v>1220</v>
      </c>
      <c r="N15" s="501">
        <v>1200</v>
      </c>
      <c r="O15" s="488"/>
    </row>
    <row r="16" spans="1:17" s="79" customFormat="1" ht="15" customHeight="1">
      <c r="A16" s="475"/>
      <c r="B16" s="481" t="s">
        <v>795</v>
      </c>
      <c r="C16" s="498">
        <v>2692</v>
      </c>
      <c r="D16" s="499">
        <v>1399</v>
      </c>
      <c r="E16" s="500">
        <v>1293</v>
      </c>
      <c r="F16" s="501">
        <v>4</v>
      </c>
      <c r="G16" s="499">
        <v>2</v>
      </c>
      <c r="H16" s="501">
        <v>2</v>
      </c>
      <c r="I16" s="498">
        <v>219</v>
      </c>
      <c r="J16" s="499">
        <v>145</v>
      </c>
      <c r="K16" s="500">
        <v>74</v>
      </c>
      <c r="L16" s="501">
        <v>2469</v>
      </c>
      <c r="M16" s="499">
        <v>1252</v>
      </c>
      <c r="N16" s="501">
        <v>1217</v>
      </c>
      <c r="O16" s="488"/>
    </row>
    <row r="17" spans="1:15" s="79" customFormat="1" ht="15" customHeight="1">
      <c r="A17" s="475"/>
      <c r="B17" s="481" t="s">
        <v>796</v>
      </c>
      <c r="C17" s="498">
        <v>2206</v>
      </c>
      <c r="D17" s="499">
        <v>1165</v>
      </c>
      <c r="E17" s="500">
        <v>1041</v>
      </c>
      <c r="F17" s="501">
        <v>3</v>
      </c>
      <c r="G17" s="499">
        <v>3</v>
      </c>
      <c r="H17" s="501">
        <v>0</v>
      </c>
      <c r="I17" s="498">
        <v>195</v>
      </c>
      <c r="J17" s="499">
        <v>120</v>
      </c>
      <c r="K17" s="500">
        <v>75</v>
      </c>
      <c r="L17" s="501">
        <v>2008</v>
      </c>
      <c r="M17" s="499">
        <v>1042</v>
      </c>
      <c r="N17" s="501">
        <v>966</v>
      </c>
      <c r="O17" s="488"/>
    </row>
    <row r="18" spans="1:15" s="79" customFormat="1" ht="15" customHeight="1">
      <c r="A18" s="475"/>
      <c r="B18" s="481" t="s">
        <v>797</v>
      </c>
      <c r="C18" s="498">
        <v>2958</v>
      </c>
      <c r="D18" s="499">
        <v>1509</v>
      </c>
      <c r="E18" s="500">
        <v>1449</v>
      </c>
      <c r="F18" s="501">
        <v>3</v>
      </c>
      <c r="G18" s="499">
        <v>2</v>
      </c>
      <c r="H18" s="501">
        <v>1</v>
      </c>
      <c r="I18" s="498">
        <v>223</v>
      </c>
      <c r="J18" s="499">
        <v>148</v>
      </c>
      <c r="K18" s="500">
        <v>75</v>
      </c>
      <c r="L18" s="501">
        <v>2732</v>
      </c>
      <c r="M18" s="499">
        <v>1359</v>
      </c>
      <c r="N18" s="501">
        <v>1373</v>
      </c>
      <c r="O18" s="488"/>
    </row>
    <row r="19" spans="1:15" s="79" customFormat="1" ht="15" customHeight="1">
      <c r="A19" s="475"/>
      <c r="B19" s="481" t="s">
        <v>798</v>
      </c>
      <c r="C19" s="498">
        <v>1734</v>
      </c>
      <c r="D19" s="499">
        <v>919</v>
      </c>
      <c r="E19" s="500">
        <v>815</v>
      </c>
      <c r="F19" s="501">
        <v>1</v>
      </c>
      <c r="G19" s="499">
        <v>1</v>
      </c>
      <c r="H19" s="501">
        <v>0</v>
      </c>
      <c r="I19" s="498">
        <v>165</v>
      </c>
      <c r="J19" s="499">
        <v>108</v>
      </c>
      <c r="K19" s="500">
        <v>57</v>
      </c>
      <c r="L19" s="501">
        <v>1568</v>
      </c>
      <c r="M19" s="499">
        <v>810</v>
      </c>
      <c r="N19" s="501">
        <v>758</v>
      </c>
      <c r="O19" s="488"/>
    </row>
    <row r="20" spans="1:15" s="79" customFormat="1" ht="15" customHeight="1">
      <c r="A20" s="475"/>
      <c r="B20" s="481" t="s">
        <v>799</v>
      </c>
      <c r="C20" s="498">
        <v>1465</v>
      </c>
      <c r="D20" s="499">
        <v>793</v>
      </c>
      <c r="E20" s="500">
        <v>672</v>
      </c>
      <c r="F20" s="501">
        <v>2</v>
      </c>
      <c r="G20" s="499">
        <v>1</v>
      </c>
      <c r="H20" s="501">
        <v>1</v>
      </c>
      <c r="I20" s="498">
        <v>140</v>
      </c>
      <c r="J20" s="499">
        <v>97</v>
      </c>
      <c r="K20" s="500">
        <v>43</v>
      </c>
      <c r="L20" s="501">
        <v>1323</v>
      </c>
      <c r="M20" s="499">
        <v>695</v>
      </c>
      <c r="N20" s="501">
        <v>628</v>
      </c>
      <c r="O20" s="488"/>
    </row>
    <row r="21" spans="1:15" s="79" customFormat="1" ht="15" customHeight="1">
      <c r="A21" s="475"/>
      <c r="B21" s="481" t="s">
        <v>800</v>
      </c>
      <c r="C21" s="498">
        <v>1269</v>
      </c>
      <c r="D21" s="499">
        <v>707</v>
      </c>
      <c r="E21" s="500">
        <v>562</v>
      </c>
      <c r="F21" s="501">
        <v>0</v>
      </c>
      <c r="G21" s="499">
        <v>0</v>
      </c>
      <c r="H21" s="501">
        <v>0</v>
      </c>
      <c r="I21" s="498">
        <v>94</v>
      </c>
      <c r="J21" s="499">
        <v>61</v>
      </c>
      <c r="K21" s="500">
        <v>33</v>
      </c>
      <c r="L21" s="501">
        <v>1175</v>
      </c>
      <c r="M21" s="499">
        <v>646</v>
      </c>
      <c r="N21" s="501">
        <v>529</v>
      </c>
      <c r="O21" s="488"/>
    </row>
    <row r="22" spans="1:15" s="79" customFormat="1" ht="15" customHeight="1">
      <c r="A22" s="475"/>
      <c r="B22" s="481" t="s">
        <v>801</v>
      </c>
      <c r="C22" s="498">
        <v>1657</v>
      </c>
      <c r="D22" s="499">
        <v>867</v>
      </c>
      <c r="E22" s="500">
        <v>790</v>
      </c>
      <c r="F22" s="501">
        <v>3</v>
      </c>
      <c r="G22" s="499">
        <v>0</v>
      </c>
      <c r="H22" s="501">
        <v>3</v>
      </c>
      <c r="I22" s="498">
        <v>143</v>
      </c>
      <c r="J22" s="499">
        <v>80</v>
      </c>
      <c r="K22" s="500">
        <v>63</v>
      </c>
      <c r="L22" s="501">
        <v>1511</v>
      </c>
      <c r="M22" s="499">
        <v>787</v>
      </c>
      <c r="N22" s="501">
        <v>724</v>
      </c>
      <c r="O22" s="488"/>
    </row>
    <row r="23" spans="1:15" s="79" customFormat="1" ht="15" customHeight="1">
      <c r="A23" s="475"/>
      <c r="B23" s="481" t="s">
        <v>802</v>
      </c>
      <c r="C23" s="498">
        <v>2461</v>
      </c>
      <c r="D23" s="499">
        <v>1262</v>
      </c>
      <c r="E23" s="500">
        <v>1199</v>
      </c>
      <c r="F23" s="501">
        <v>7</v>
      </c>
      <c r="G23" s="499">
        <v>3</v>
      </c>
      <c r="H23" s="501">
        <v>4</v>
      </c>
      <c r="I23" s="498">
        <v>243</v>
      </c>
      <c r="J23" s="499">
        <v>141</v>
      </c>
      <c r="K23" s="500">
        <v>102</v>
      </c>
      <c r="L23" s="501">
        <v>2211</v>
      </c>
      <c r="M23" s="499">
        <v>1118</v>
      </c>
      <c r="N23" s="501">
        <v>1093</v>
      </c>
      <c r="O23" s="488"/>
    </row>
    <row r="24" spans="1:15" s="79" customFormat="1" ht="15" customHeight="1">
      <c r="A24" s="475"/>
      <c r="B24" s="481" t="s">
        <v>803</v>
      </c>
      <c r="C24" s="498">
        <v>1385</v>
      </c>
      <c r="D24" s="499">
        <v>718</v>
      </c>
      <c r="E24" s="500">
        <v>667</v>
      </c>
      <c r="F24" s="501">
        <v>4</v>
      </c>
      <c r="G24" s="499">
        <v>3</v>
      </c>
      <c r="H24" s="501">
        <v>1</v>
      </c>
      <c r="I24" s="498">
        <v>159</v>
      </c>
      <c r="J24" s="499">
        <v>98</v>
      </c>
      <c r="K24" s="500">
        <v>61</v>
      </c>
      <c r="L24" s="501">
        <v>1222</v>
      </c>
      <c r="M24" s="499">
        <v>617</v>
      </c>
      <c r="N24" s="501">
        <v>605</v>
      </c>
      <c r="O24" s="488"/>
    </row>
    <row r="25" spans="1:15" s="474" customFormat="1" ht="17.25" customHeight="1">
      <c r="A25" s="1161" t="s">
        <v>804</v>
      </c>
      <c r="B25" s="1162"/>
      <c r="C25" s="493">
        <v>12435</v>
      </c>
      <c r="D25" s="494">
        <v>6774</v>
      </c>
      <c r="E25" s="495">
        <v>5661</v>
      </c>
      <c r="F25" s="496">
        <v>35</v>
      </c>
      <c r="G25" s="494">
        <v>16</v>
      </c>
      <c r="H25" s="494">
        <v>19</v>
      </c>
      <c r="I25" s="493">
        <v>1375</v>
      </c>
      <c r="J25" s="494">
        <v>943</v>
      </c>
      <c r="K25" s="494">
        <v>432</v>
      </c>
      <c r="L25" s="496">
        <v>11025</v>
      </c>
      <c r="M25" s="494">
        <v>5815</v>
      </c>
      <c r="N25" s="493">
        <v>5210</v>
      </c>
      <c r="O25" s="482"/>
    </row>
    <row r="26" spans="1:15" s="79" customFormat="1" ht="15" customHeight="1">
      <c r="A26" s="475"/>
      <c r="B26" s="481" t="s">
        <v>805</v>
      </c>
      <c r="C26" s="498">
        <v>2600</v>
      </c>
      <c r="D26" s="499">
        <v>1521</v>
      </c>
      <c r="E26" s="500">
        <v>1079</v>
      </c>
      <c r="F26" s="501">
        <v>8</v>
      </c>
      <c r="G26" s="499">
        <v>2</v>
      </c>
      <c r="H26" s="501">
        <v>6</v>
      </c>
      <c r="I26" s="498">
        <v>324</v>
      </c>
      <c r="J26" s="499">
        <v>239</v>
      </c>
      <c r="K26" s="500">
        <v>85</v>
      </c>
      <c r="L26" s="501">
        <v>2268</v>
      </c>
      <c r="M26" s="499">
        <v>1280</v>
      </c>
      <c r="N26" s="501">
        <v>988</v>
      </c>
      <c r="O26" s="488"/>
    </row>
    <row r="27" spans="1:15" s="79" customFormat="1" ht="15" customHeight="1">
      <c r="A27" s="475"/>
      <c r="B27" s="481" t="s">
        <v>806</v>
      </c>
      <c r="C27" s="498">
        <v>1524</v>
      </c>
      <c r="D27" s="499">
        <v>811</v>
      </c>
      <c r="E27" s="500">
        <v>713</v>
      </c>
      <c r="F27" s="501">
        <v>4</v>
      </c>
      <c r="G27" s="499">
        <v>2</v>
      </c>
      <c r="H27" s="501">
        <v>2</v>
      </c>
      <c r="I27" s="498">
        <v>145</v>
      </c>
      <c r="J27" s="499">
        <v>100</v>
      </c>
      <c r="K27" s="500">
        <v>45</v>
      </c>
      <c r="L27" s="501">
        <v>1375</v>
      </c>
      <c r="M27" s="499">
        <v>709</v>
      </c>
      <c r="N27" s="501">
        <v>666</v>
      </c>
      <c r="O27" s="488"/>
    </row>
    <row r="28" spans="1:15" s="79" customFormat="1" ht="15" customHeight="1">
      <c r="A28" s="475"/>
      <c r="B28" s="481" t="s">
        <v>807</v>
      </c>
      <c r="C28" s="498">
        <v>1689</v>
      </c>
      <c r="D28" s="499">
        <v>914</v>
      </c>
      <c r="E28" s="500">
        <v>775</v>
      </c>
      <c r="F28" s="501">
        <v>6</v>
      </c>
      <c r="G28" s="499">
        <v>3</v>
      </c>
      <c r="H28" s="501">
        <v>3</v>
      </c>
      <c r="I28" s="498">
        <v>210</v>
      </c>
      <c r="J28" s="499">
        <v>129</v>
      </c>
      <c r="K28" s="500">
        <v>81</v>
      </c>
      <c r="L28" s="501">
        <v>1473</v>
      </c>
      <c r="M28" s="499">
        <v>782</v>
      </c>
      <c r="N28" s="501">
        <v>691</v>
      </c>
      <c r="O28" s="488"/>
    </row>
    <row r="29" spans="1:15" s="79" customFormat="1" ht="15" customHeight="1">
      <c r="A29" s="475"/>
      <c r="B29" s="481" t="s">
        <v>808</v>
      </c>
      <c r="C29" s="498">
        <v>1732</v>
      </c>
      <c r="D29" s="499">
        <v>924</v>
      </c>
      <c r="E29" s="500">
        <v>808</v>
      </c>
      <c r="F29" s="501">
        <v>6</v>
      </c>
      <c r="G29" s="499">
        <v>4</v>
      </c>
      <c r="H29" s="501">
        <v>2</v>
      </c>
      <c r="I29" s="498">
        <v>205</v>
      </c>
      <c r="J29" s="499">
        <v>150</v>
      </c>
      <c r="K29" s="500">
        <v>55</v>
      </c>
      <c r="L29" s="501">
        <v>1521</v>
      </c>
      <c r="M29" s="499">
        <v>770</v>
      </c>
      <c r="N29" s="501">
        <v>751</v>
      </c>
      <c r="O29" s="488"/>
    </row>
    <row r="30" spans="1:15" s="79" customFormat="1" ht="15" customHeight="1">
      <c r="A30" s="475"/>
      <c r="B30" s="481" t="s">
        <v>809</v>
      </c>
      <c r="C30" s="498">
        <v>1656</v>
      </c>
      <c r="D30" s="499">
        <v>879</v>
      </c>
      <c r="E30" s="500">
        <v>777</v>
      </c>
      <c r="F30" s="501">
        <v>8</v>
      </c>
      <c r="G30" s="499">
        <v>3</v>
      </c>
      <c r="H30" s="501">
        <v>5</v>
      </c>
      <c r="I30" s="498">
        <v>210</v>
      </c>
      <c r="J30" s="499">
        <v>139</v>
      </c>
      <c r="K30" s="500">
        <v>71</v>
      </c>
      <c r="L30" s="501">
        <v>1438</v>
      </c>
      <c r="M30" s="499">
        <v>737</v>
      </c>
      <c r="N30" s="501">
        <v>701</v>
      </c>
      <c r="O30" s="488"/>
    </row>
    <row r="31" spans="1:15" s="79" customFormat="1" ht="15" customHeight="1">
      <c r="A31" s="475"/>
      <c r="B31" s="481" t="s">
        <v>810</v>
      </c>
      <c r="C31" s="498">
        <v>1779</v>
      </c>
      <c r="D31" s="499">
        <v>951</v>
      </c>
      <c r="E31" s="500">
        <v>828</v>
      </c>
      <c r="F31" s="501">
        <v>1</v>
      </c>
      <c r="G31" s="499">
        <v>1</v>
      </c>
      <c r="H31" s="501">
        <v>0</v>
      </c>
      <c r="I31" s="498">
        <v>167</v>
      </c>
      <c r="J31" s="499">
        <v>107</v>
      </c>
      <c r="K31" s="500">
        <v>60</v>
      </c>
      <c r="L31" s="501">
        <v>1611</v>
      </c>
      <c r="M31" s="499">
        <v>843</v>
      </c>
      <c r="N31" s="501">
        <v>768</v>
      </c>
      <c r="O31" s="488"/>
    </row>
    <row r="32" spans="1:15" s="79" customFormat="1" ht="15" customHeight="1">
      <c r="A32" s="475"/>
      <c r="B32" s="481" t="s">
        <v>811</v>
      </c>
      <c r="C32" s="498">
        <v>1455</v>
      </c>
      <c r="D32" s="499">
        <v>774</v>
      </c>
      <c r="E32" s="500">
        <v>681</v>
      </c>
      <c r="F32" s="501">
        <v>2</v>
      </c>
      <c r="G32" s="499">
        <v>1</v>
      </c>
      <c r="H32" s="501">
        <v>1</v>
      </c>
      <c r="I32" s="498">
        <v>114</v>
      </c>
      <c r="J32" s="499">
        <v>79</v>
      </c>
      <c r="K32" s="500">
        <v>35</v>
      </c>
      <c r="L32" s="501">
        <v>1339</v>
      </c>
      <c r="M32" s="499">
        <v>694</v>
      </c>
      <c r="N32" s="501">
        <v>645</v>
      </c>
      <c r="O32" s="488"/>
    </row>
    <row r="33" spans="1:15" s="474" customFormat="1" ht="17.25" customHeight="1">
      <c r="A33" s="1159" t="s">
        <v>812</v>
      </c>
      <c r="B33" s="1160"/>
      <c r="C33" s="493">
        <v>9090</v>
      </c>
      <c r="D33" s="494">
        <v>4708</v>
      </c>
      <c r="E33" s="495">
        <v>4382</v>
      </c>
      <c r="F33" s="496">
        <v>10</v>
      </c>
      <c r="G33" s="494">
        <v>6</v>
      </c>
      <c r="H33" s="494">
        <v>4</v>
      </c>
      <c r="I33" s="493">
        <v>704</v>
      </c>
      <c r="J33" s="494">
        <v>480</v>
      </c>
      <c r="K33" s="494">
        <v>224</v>
      </c>
      <c r="L33" s="496">
        <v>8376</v>
      </c>
      <c r="M33" s="494">
        <v>4222</v>
      </c>
      <c r="N33" s="493">
        <v>4154</v>
      </c>
      <c r="O33" s="482"/>
    </row>
    <row r="34" spans="1:15" s="79" customFormat="1" ht="15" customHeight="1">
      <c r="A34" s="475"/>
      <c r="B34" s="481" t="s">
        <v>813</v>
      </c>
      <c r="C34" s="498">
        <v>5152</v>
      </c>
      <c r="D34" s="499">
        <v>2739</v>
      </c>
      <c r="E34" s="500">
        <v>2413</v>
      </c>
      <c r="F34" s="501">
        <v>6</v>
      </c>
      <c r="G34" s="499">
        <v>2</v>
      </c>
      <c r="H34" s="501">
        <v>4</v>
      </c>
      <c r="I34" s="498">
        <v>420</v>
      </c>
      <c r="J34" s="499">
        <v>291</v>
      </c>
      <c r="K34" s="500">
        <v>129</v>
      </c>
      <c r="L34" s="501">
        <v>4726</v>
      </c>
      <c r="M34" s="499">
        <v>2446</v>
      </c>
      <c r="N34" s="501">
        <v>2280</v>
      </c>
      <c r="O34" s="488"/>
    </row>
    <row r="35" spans="1:15" s="79" customFormat="1" ht="15" customHeight="1">
      <c r="A35" s="475"/>
      <c r="B35" s="481" t="s">
        <v>814</v>
      </c>
      <c r="C35" s="498">
        <v>2093</v>
      </c>
      <c r="D35" s="499">
        <v>1024</v>
      </c>
      <c r="E35" s="500">
        <v>1069</v>
      </c>
      <c r="F35" s="501">
        <v>1</v>
      </c>
      <c r="G35" s="499">
        <v>1</v>
      </c>
      <c r="H35" s="501">
        <v>0</v>
      </c>
      <c r="I35" s="498">
        <v>154</v>
      </c>
      <c r="J35" s="499">
        <v>110</v>
      </c>
      <c r="K35" s="500">
        <v>44</v>
      </c>
      <c r="L35" s="501">
        <v>1938</v>
      </c>
      <c r="M35" s="499">
        <v>913</v>
      </c>
      <c r="N35" s="501">
        <v>1025</v>
      </c>
      <c r="O35" s="488"/>
    </row>
    <row r="36" spans="1:15" s="79" customFormat="1" ht="15" customHeight="1">
      <c r="A36" s="475"/>
      <c r="B36" s="481" t="s">
        <v>815</v>
      </c>
      <c r="C36" s="498">
        <v>712</v>
      </c>
      <c r="D36" s="499">
        <v>367</v>
      </c>
      <c r="E36" s="500">
        <v>345</v>
      </c>
      <c r="F36" s="501">
        <v>1</v>
      </c>
      <c r="G36" s="499">
        <v>1</v>
      </c>
      <c r="H36" s="501">
        <v>0</v>
      </c>
      <c r="I36" s="498">
        <v>56</v>
      </c>
      <c r="J36" s="499">
        <v>33</v>
      </c>
      <c r="K36" s="500">
        <v>23</v>
      </c>
      <c r="L36" s="501">
        <v>655</v>
      </c>
      <c r="M36" s="499">
        <v>333</v>
      </c>
      <c r="N36" s="501">
        <v>322</v>
      </c>
      <c r="O36" s="488"/>
    </row>
    <row r="37" spans="1:15" s="79" customFormat="1" ht="15" customHeight="1">
      <c r="A37" s="475"/>
      <c r="B37" s="481" t="s">
        <v>816</v>
      </c>
      <c r="C37" s="498">
        <v>767</v>
      </c>
      <c r="D37" s="499">
        <v>387</v>
      </c>
      <c r="E37" s="500">
        <v>380</v>
      </c>
      <c r="F37" s="501">
        <v>0</v>
      </c>
      <c r="G37" s="499">
        <v>0</v>
      </c>
      <c r="H37" s="501">
        <v>0</v>
      </c>
      <c r="I37" s="498">
        <v>46</v>
      </c>
      <c r="J37" s="499">
        <v>28</v>
      </c>
      <c r="K37" s="500">
        <v>18</v>
      </c>
      <c r="L37" s="501">
        <v>721</v>
      </c>
      <c r="M37" s="499">
        <v>359</v>
      </c>
      <c r="N37" s="501">
        <v>362</v>
      </c>
      <c r="O37" s="488"/>
    </row>
    <row r="38" spans="1:15" s="79" customFormat="1" ht="15" customHeight="1">
      <c r="A38" s="475"/>
      <c r="B38" s="481" t="s">
        <v>817</v>
      </c>
      <c r="C38" s="498">
        <v>366</v>
      </c>
      <c r="D38" s="499">
        <v>191</v>
      </c>
      <c r="E38" s="500">
        <v>175</v>
      </c>
      <c r="F38" s="501">
        <v>2</v>
      </c>
      <c r="G38" s="499">
        <v>2</v>
      </c>
      <c r="H38" s="501">
        <v>0</v>
      </c>
      <c r="I38" s="498">
        <v>28</v>
      </c>
      <c r="J38" s="499">
        <v>18</v>
      </c>
      <c r="K38" s="500">
        <v>10</v>
      </c>
      <c r="L38" s="501">
        <v>336</v>
      </c>
      <c r="M38" s="499">
        <v>171</v>
      </c>
      <c r="N38" s="501">
        <v>165</v>
      </c>
      <c r="O38" s="488"/>
    </row>
    <row r="39" spans="1:15" s="474" customFormat="1" ht="17.25" customHeight="1">
      <c r="A39" s="1159" t="s">
        <v>850</v>
      </c>
      <c r="B39" s="1160"/>
      <c r="C39" s="493">
        <v>15271</v>
      </c>
      <c r="D39" s="494">
        <v>8465</v>
      </c>
      <c r="E39" s="495">
        <v>6806</v>
      </c>
      <c r="F39" s="496">
        <v>31</v>
      </c>
      <c r="G39" s="494">
        <v>14</v>
      </c>
      <c r="H39" s="494">
        <v>17</v>
      </c>
      <c r="I39" s="493">
        <v>1689</v>
      </c>
      <c r="J39" s="494">
        <v>1166</v>
      </c>
      <c r="K39" s="494">
        <v>523</v>
      </c>
      <c r="L39" s="496">
        <v>13551</v>
      </c>
      <c r="M39" s="494">
        <v>7285</v>
      </c>
      <c r="N39" s="493">
        <v>6266</v>
      </c>
      <c r="O39" s="482"/>
    </row>
    <row r="40" spans="1:15" s="474" customFormat="1" ht="15" customHeight="1">
      <c r="A40" s="1163" t="s">
        <v>819</v>
      </c>
      <c r="B40" s="1164"/>
      <c r="C40" s="498">
        <v>7126</v>
      </c>
      <c r="D40" s="499">
        <v>3911</v>
      </c>
      <c r="E40" s="500">
        <v>3215</v>
      </c>
      <c r="F40" s="498">
        <v>15</v>
      </c>
      <c r="G40" s="499">
        <v>5</v>
      </c>
      <c r="H40" s="501">
        <v>10</v>
      </c>
      <c r="I40" s="498">
        <v>804</v>
      </c>
      <c r="J40" s="499">
        <v>537</v>
      </c>
      <c r="K40" s="500">
        <v>267</v>
      </c>
      <c r="L40" s="501">
        <v>6307</v>
      </c>
      <c r="M40" s="499">
        <v>3369</v>
      </c>
      <c r="N40" s="501">
        <v>2938</v>
      </c>
      <c r="O40" s="482"/>
    </row>
    <row r="41" spans="1:15" s="474" customFormat="1" ht="15" customHeight="1">
      <c r="A41" s="483"/>
      <c r="B41" s="481" t="s">
        <v>820</v>
      </c>
      <c r="C41" s="498">
        <v>1768</v>
      </c>
      <c r="D41" s="499">
        <v>974</v>
      </c>
      <c r="E41" s="500">
        <v>794</v>
      </c>
      <c r="F41" s="498">
        <v>4</v>
      </c>
      <c r="G41" s="499">
        <v>0</v>
      </c>
      <c r="H41" s="501">
        <v>4</v>
      </c>
      <c r="I41" s="498">
        <v>199</v>
      </c>
      <c r="J41" s="499">
        <v>131</v>
      </c>
      <c r="K41" s="500">
        <v>68</v>
      </c>
      <c r="L41" s="498">
        <v>1565</v>
      </c>
      <c r="M41" s="499">
        <v>843</v>
      </c>
      <c r="N41" s="501">
        <v>722</v>
      </c>
      <c r="O41" s="482"/>
    </row>
    <row r="42" spans="1:15" s="474" customFormat="1" ht="15" customHeight="1">
      <c r="A42" s="483"/>
      <c r="B42" s="481" t="s">
        <v>821</v>
      </c>
      <c r="C42" s="498">
        <v>2653</v>
      </c>
      <c r="D42" s="499">
        <v>1460</v>
      </c>
      <c r="E42" s="500">
        <v>1193</v>
      </c>
      <c r="F42" s="498">
        <v>4</v>
      </c>
      <c r="G42" s="499">
        <v>2</v>
      </c>
      <c r="H42" s="501">
        <v>2</v>
      </c>
      <c r="I42" s="498">
        <v>321</v>
      </c>
      <c r="J42" s="499">
        <v>205</v>
      </c>
      <c r="K42" s="500">
        <v>116</v>
      </c>
      <c r="L42" s="498">
        <v>2328</v>
      </c>
      <c r="M42" s="499">
        <v>1253</v>
      </c>
      <c r="N42" s="501">
        <v>1075</v>
      </c>
      <c r="O42" s="482"/>
    </row>
    <row r="43" spans="1:15" s="474" customFormat="1" ht="15" customHeight="1">
      <c r="A43" s="483"/>
      <c r="B43" s="484" t="s">
        <v>822</v>
      </c>
      <c r="C43" s="498">
        <v>2705</v>
      </c>
      <c r="D43" s="499">
        <v>1477</v>
      </c>
      <c r="E43" s="500">
        <v>1228</v>
      </c>
      <c r="F43" s="502">
        <v>7</v>
      </c>
      <c r="G43" s="502">
        <v>3</v>
      </c>
      <c r="H43" s="503">
        <v>4</v>
      </c>
      <c r="I43" s="504">
        <v>284</v>
      </c>
      <c r="J43" s="502">
        <v>201</v>
      </c>
      <c r="K43" s="505">
        <v>83</v>
      </c>
      <c r="L43" s="504">
        <v>2414</v>
      </c>
      <c r="M43" s="502">
        <v>1273</v>
      </c>
      <c r="N43" s="503">
        <v>1141</v>
      </c>
      <c r="O43" s="482"/>
    </row>
    <row r="44" spans="1:15" s="79" customFormat="1" ht="15" customHeight="1">
      <c r="A44" s="475"/>
      <c r="B44" s="481" t="s">
        <v>823</v>
      </c>
      <c r="C44" s="498">
        <v>2123</v>
      </c>
      <c r="D44" s="499">
        <v>1189</v>
      </c>
      <c r="E44" s="500">
        <v>934</v>
      </c>
      <c r="F44" s="499">
        <v>4</v>
      </c>
      <c r="G44" s="499">
        <v>1</v>
      </c>
      <c r="H44" s="501">
        <v>3</v>
      </c>
      <c r="I44" s="498">
        <v>242</v>
      </c>
      <c r="J44" s="499">
        <v>173</v>
      </c>
      <c r="K44" s="500">
        <v>69</v>
      </c>
      <c r="L44" s="499">
        <v>1877</v>
      </c>
      <c r="M44" s="499">
        <v>1015</v>
      </c>
      <c r="N44" s="501">
        <v>862</v>
      </c>
      <c r="O44" s="480"/>
    </row>
    <row r="45" spans="1:15" s="79" customFormat="1" ht="15" customHeight="1">
      <c r="A45" s="475"/>
      <c r="B45" s="481" t="s">
        <v>824</v>
      </c>
      <c r="C45" s="498">
        <v>2248</v>
      </c>
      <c r="D45" s="499">
        <v>1264</v>
      </c>
      <c r="E45" s="500">
        <v>984</v>
      </c>
      <c r="F45" s="501">
        <v>5</v>
      </c>
      <c r="G45" s="499">
        <v>4</v>
      </c>
      <c r="H45" s="501">
        <v>1</v>
      </c>
      <c r="I45" s="498">
        <v>250</v>
      </c>
      <c r="J45" s="499">
        <v>181</v>
      </c>
      <c r="K45" s="500">
        <v>69</v>
      </c>
      <c r="L45" s="501">
        <v>1993</v>
      </c>
      <c r="M45" s="499">
        <v>1079</v>
      </c>
      <c r="N45" s="501">
        <v>914</v>
      </c>
      <c r="O45" s="480"/>
    </row>
    <row r="46" spans="1:15" s="79" customFormat="1" ht="15" customHeight="1">
      <c r="A46" s="475"/>
      <c r="B46" s="481" t="s">
        <v>825</v>
      </c>
      <c r="C46" s="498">
        <v>1174</v>
      </c>
      <c r="D46" s="499">
        <v>628</v>
      </c>
      <c r="E46" s="500">
        <v>546</v>
      </c>
      <c r="F46" s="501">
        <v>2</v>
      </c>
      <c r="G46" s="499">
        <v>1</v>
      </c>
      <c r="H46" s="501">
        <v>1</v>
      </c>
      <c r="I46" s="498">
        <v>115</v>
      </c>
      <c r="J46" s="499">
        <v>76</v>
      </c>
      <c r="K46" s="500">
        <v>39</v>
      </c>
      <c r="L46" s="501">
        <v>1057</v>
      </c>
      <c r="M46" s="499">
        <v>551</v>
      </c>
      <c r="N46" s="501">
        <v>506</v>
      </c>
      <c r="O46" s="488"/>
    </row>
    <row r="47" spans="1:15" s="79" customFormat="1" ht="15" customHeight="1">
      <c r="A47" s="475"/>
      <c r="B47" s="481" t="s">
        <v>826</v>
      </c>
      <c r="C47" s="498">
        <v>1256</v>
      </c>
      <c r="D47" s="499">
        <v>720</v>
      </c>
      <c r="E47" s="500">
        <v>536</v>
      </c>
      <c r="F47" s="501">
        <v>1</v>
      </c>
      <c r="G47" s="499">
        <v>1</v>
      </c>
      <c r="H47" s="501">
        <v>0</v>
      </c>
      <c r="I47" s="498">
        <v>136</v>
      </c>
      <c r="J47" s="499">
        <v>88</v>
      </c>
      <c r="K47" s="500">
        <v>48</v>
      </c>
      <c r="L47" s="501">
        <v>1119</v>
      </c>
      <c r="M47" s="499">
        <v>631</v>
      </c>
      <c r="N47" s="501">
        <v>488</v>
      </c>
      <c r="O47" s="488"/>
    </row>
    <row r="48" spans="1:15" s="79" customFormat="1" ht="15" customHeight="1">
      <c r="A48" s="475"/>
      <c r="B48" s="481" t="s">
        <v>827</v>
      </c>
      <c r="C48" s="498">
        <v>851</v>
      </c>
      <c r="D48" s="499">
        <v>464</v>
      </c>
      <c r="E48" s="500">
        <v>387</v>
      </c>
      <c r="F48" s="501">
        <v>2</v>
      </c>
      <c r="G48" s="499">
        <v>1</v>
      </c>
      <c r="H48" s="501">
        <v>1</v>
      </c>
      <c r="I48" s="498">
        <v>85</v>
      </c>
      <c r="J48" s="499">
        <v>69</v>
      </c>
      <c r="K48" s="500">
        <v>16</v>
      </c>
      <c r="L48" s="501">
        <v>764</v>
      </c>
      <c r="M48" s="499">
        <v>394</v>
      </c>
      <c r="N48" s="501">
        <v>370</v>
      </c>
      <c r="O48" s="488"/>
    </row>
    <row r="49" spans="1:15" s="79" customFormat="1" ht="15" customHeight="1">
      <c r="A49" s="475"/>
      <c r="B49" s="481" t="s">
        <v>828</v>
      </c>
      <c r="C49" s="498">
        <v>457</v>
      </c>
      <c r="D49" s="499">
        <v>272</v>
      </c>
      <c r="E49" s="500">
        <v>185</v>
      </c>
      <c r="F49" s="501">
        <v>2</v>
      </c>
      <c r="G49" s="499">
        <v>1</v>
      </c>
      <c r="H49" s="501">
        <v>1</v>
      </c>
      <c r="I49" s="498">
        <v>55</v>
      </c>
      <c r="J49" s="499">
        <v>40</v>
      </c>
      <c r="K49" s="500">
        <v>15</v>
      </c>
      <c r="L49" s="501">
        <v>400</v>
      </c>
      <c r="M49" s="499">
        <v>231</v>
      </c>
      <c r="N49" s="501">
        <v>169</v>
      </c>
      <c r="O49" s="488"/>
    </row>
    <row r="50" spans="1:15" s="79" customFormat="1" ht="15" customHeight="1">
      <c r="A50" s="475"/>
      <c r="B50" s="481" t="s">
        <v>300</v>
      </c>
      <c r="C50" s="498">
        <v>36</v>
      </c>
      <c r="D50" s="499">
        <v>17</v>
      </c>
      <c r="E50" s="500">
        <v>19</v>
      </c>
      <c r="F50" s="501">
        <v>0</v>
      </c>
      <c r="G50" s="499">
        <v>0</v>
      </c>
      <c r="H50" s="501">
        <v>0</v>
      </c>
      <c r="I50" s="498">
        <v>2</v>
      </c>
      <c r="J50" s="499">
        <v>2</v>
      </c>
      <c r="K50" s="500">
        <v>0</v>
      </c>
      <c r="L50" s="501">
        <v>34</v>
      </c>
      <c r="M50" s="499">
        <v>15</v>
      </c>
      <c r="N50" s="501">
        <v>19</v>
      </c>
      <c r="O50" s="488"/>
    </row>
    <row r="51" spans="1:15" s="474" customFormat="1" ht="17.25" customHeight="1">
      <c r="A51" s="1159" t="s">
        <v>851</v>
      </c>
      <c r="B51" s="1160"/>
      <c r="C51" s="493">
        <v>13074</v>
      </c>
      <c r="D51" s="494">
        <v>6733</v>
      </c>
      <c r="E51" s="495">
        <v>6341</v>
      </c>
      <c r="F51" s="496">
        <v>23</v>
      </c>
      <c r="G51" s="494">
        <v>13</v>
      </c>
      <c r="H51" s="494">
        <v>10</v>
      </c>
      <c r="I51" s="493">
        <v>1212</v>
      </c>
      <c r="J51" s="494">
        <v>767</v>
      </c>
      <c r="K51" s="494">
        <v>445</v>
      </c>
      <c r="L51" s="496">
        <v>11839</v>
      </c>
      <c r="M51" s="494">
        <v>5953</v>
      </c>
      <c r="N51" s="493">
        <v>5886</v>
      </c>
      <c r="O51" s="473"/>
    </row>
    <row r="52" spans="1:15" s="79" customFormat="1" ht="15" customHeight="1">
      <c r="A52" s="475"/>
      <c r="B52" s="481" t="s">
        <v>830</v>
      </c>
      <c r="C52" s="498">
        <v>2815</v>
      </c>
      <c r="D52" s="499">
        <v>1443</v>
      </c>
      <c r="E52" s="500">
        <v>1372</v>
      </c>
      <c r="F52" s="501">
        <v>4</v>
      </c>
      <c r="G52" s="499">
        <v>3</v>
      </c>
      <c r="H52" s="501">
        <v>1</v>
      </c>
      <c r="I52" s="498">
        <v>268</v>
      </c>
      <c r="J52" s="499">
        <v>174</v>
      </c>
      <c r="K52" s="500">
        <v>94</v>
      </c>
      <c r="L52" s="501">
        <v>2543</v>
      </c>
      <c r="M52" s="499">
        <v>1266</v>
      </c>
      <c r="N52" s="501">
        <v>1277</v>
      </c>
      <c r="O52" s="488"/>
    </row>
    <row r="53" spans="1:15" s="79" customFormat="1" ht="15" customHeight="1">
      <c r="A53" s="475"/>
      <c r="B53" s="481" t="s">
        <v>292</v>
      </c>
      <c r="C53" s="498">
        <v>4029</v>
      </c>
      <c r="D53" s="499">
        <v>2025</v>
      </c>
      <c r="E53" s="500">
        <v>2004</v>
      </c>
      <c r="F53" s="501">
        <v>6</v>
      </c>
      <c r="G53" s="499">
        <v>2</v>
      </c>
      <c r="H53" s="501">
        <v>4</v>
      </c>
      <c r="I53" s="498">
        <v>364</v>
      </c>
      <c r="J53" s="499">
        <v>224</v>
      </c>
      <c r="K53" s="500">
        <v>140</v>
      </c>
      <c r="L53" s="501">
        <v>3659</v>
      </c>
      <c r="M53" s="499">
        <v>1799</v>
      </c>
      <c r="N53" s="501">
        <v>1860</v>
      </c>
      <c r="O53" s="488"/>
    </row>
    <row r="54" spans="1:15" s="79" customFormat="1" ht="15" customHeight="1">
      <c r="A54" s="475"/>
      <c r="B54" s="481" t="s">
        <v>831</v>
      </c>
      <c r="C54" s="498">
        <v>2318</v>
      </c>
      <c r="D54" s="499">
        <v>1237</v>
      </c>
      <c r="E54" s="500">
        <v>1081</v>
      </c>
      <c r="F54" s="501">
        <v>4</v>
      </c>
      <c r="G54" s="499">
        <v>3</v>
      </c>
      <c r="H54" s="501">
        <v>1</v>
      </c>
      <c r="I54" s="498">
        <v>216</v>
      </c>
      <c r="J54" s="499">
        <v>142</v>
      </c>
      <c r="K54" s="500">
        <v>74</v>
      </c>
      <c r="L54" s="501">
        <v>2098</v>
      </c>
      <c r="M54" s="499">
        <v>1092</v>
      </c>
      <c r="N54" s="501">
        <v>1006</v>
      </c>
      <c r="O54" s="488"/>
    </row>
    <row r="55" spans="1:15" s="79" customFormat="1" ht="15" customHeight="1">
      <c r="A55" s="475"/>
      <c r="B55" s="481" t="s">
        <v>832</v>
      </c>
      <c r="C55" s="498">
        <v>1609</v>
      </c>
      <c r="D55" s="499">
        <v>848</v>
      </c>
      <c r="E55" s="500">
        <v>761</v>
      </c>
      <c r="F55" s="501">
        <v>5</v>
      </c>
      <c r="G55" s="499">
        <v>2</v>
      </c>
      <c r="H55" s="501">
        <v>3</v>
      </c>
      <c r="I55" s="498">
        <v>148</v>
      </c>
      <c r="J55" s="499">
        <v>91</v>
      </c>
      <c r="K55" s="500">
        <v>57</v>
      </c>
      <c r="L55" s="501">
        <v>1456</v>
      </c>
      <c r="M55" s="499">
        <v>755</v>
      </c>
      <c r="N55" s="501">
        <v>701</v>
      </c>
      <c r="O55" s="488"/>
    </row>
    <row r="56" spans="1:15" s="79" customFormat="1" ht="15" customHeight="1">
      <c r="A56" s="475"/>
      <c r="B56" s="481" t="s">
        <v>833</v>
      </c>
      <c r="C56" s="498">
        <v>1025</v>
      </c>
      <c r="D56" s="499">
        <v>532</v>
      </c>
      <c r="E56" s="500">
        <v>493</v>
      </c>
      <c r="F56" s="501">
        <v>1</v>
      </c>
      <c r="G56" s="499">
        <v>1</v>
      </c>
      <c r="H56" s="501">
        <v>0</v>
      </c>
      <c r="I56" s="498">
        <v>101</v>
      </c>
      <c r="J56" s="499">
        <v>67</v>
      </c>
      <c r="K56" s="500">
        <v>34</v>
      </c>
      <c r="L56" s="501">
        <v>923</v>
      </c>
      <c r="M56" s="499">
        <v>464</v>
      </c>
      <c r="N56" s="501">
        <v>459</v>
      </c>
      <c r="O56" s="488"/>
    </row>
    <row r="57" spans="1:15" s="79" customFormat="1" ht="15" customHeight="1">
      <c r="A57" s="475"/>
      <c r="B57" s="481" t="s">
        <v>834</v>
      </c>
      <c r="C57" s="498">
        <v>520</v>
      </c>
      <c r="D57" s="499">
        <v>280</v>
      </c>
      <c r="E57" s="500">
        <v>240</v>
      </c>
      <c r="F57" s="501">
        <v>2</v>
      </c>
      <c r="G57" s="499">
        <v>1</v>
      </c>
      <c r="H57" s="501">
        <v>1</v>
      </c>
      <c r="I57" s="498">
        <v>65</v>
      </c>
      <c r="J57" s="499">
        <v>40</v>
      </c>
      <c r="K57" s="500">
        <v>25</v>
      </c>
      <c r="L57" s="501">
        <v>453</v>
      </c>
      <c r="M57" s="499">
        <v>239</v>
      </c>
      <c r="N57" s="501">
        <v>214</v>
      </c>
      <c r="O57" s="488"/>
    </row>
    <row r="58" spans="1:15" s="79" customFormat="1" ht="15" customHeight="1">
      <c r="A58" s="475"/>
      <c r="B58" s="481" t="s">
        <v>835</v>
      </c>
      <c r="C58" s="498">
        <v>395</v>
      </c>
      <c r="D58" s="499">
        <v>185</v>
      </c>
      <c r="E58" s="500">
        <v>210</v>
      </c>
      <c r="F58" s="501">
        <v>1</v>
      </c>
      <c r="G58" s="499">
        <v>1</v>
      </c>
      <c r="H58" s="501">
        <v>0</v>
      </c>
      <c r="I58" s="498">
        <v>26</v>
      </c>
      <c r="J58" s="499">
        <v>16</v>
      </c>
      <c r="K58" s="500">
        <v>10</v>
      </c>
      <c r="L58" s="501">
        <v>368</v>
      </c>
      <c r="M58" s="499">
        <v>168</v>
      </c>
      <c r="N58" s="501">
        <v>200</v>
      </c>
      <c r="O58" s="488"/>
    </row>
    <row r="59" spans="1:15" s="79" customFormat="1" ht="15" customHeight="1">
      <c r="A59" s="475"/>
      <c r="B59" s="481" t="s">
        <v>836</v>
      </c>
      <c r="C59" s="498">
        <v>363</v>
      </c>
      <c r="D59" s="499">
        <v>183</v>
      </c>
      <c r="E59" s="500">
        <v>180</v>
      </c>
      <c r="F59" s="501">
        <v>0</v>
      </c>
      <c r="G59" s="499">
        <v>0</v>
      </c>
      <c r="H59" s="501">
        <v>0</v>
      </c>
      <c r="I59" s="498">
        <v>24</v>
      </c>
      <c r="J59" s="499">
        <v>13</v>
      </c>
      <c r="K59" s="500">
        <v>11</v>
      </c>
      <c r="L59" s="501">
        <v>339</v>
      </c>
      <c r="M59" s="499">
        <v>170</v>
      </c>
      <c r="N59" s="501">
        <v>169</v>
      </c>
      <c r="O59" s="488"/>
    </row>
    <row r="60" spans="1:15" s="474" customFormat="1" ht="17.25" customHeight="1">
      <c r="A60" s="1159" t="s">
        <v>852</v>
      </c>
      <c r="B60" s="1160"/>
      <c r="C60" s="493">
        <v>4329</v>
      </c>
      <c r="D60" s="494">
        <v>2281</v>
      </c>
      <c r="E60" s="495">
        <v>2048</v>
      </c>
      <c r="F60" s="496">
        <v>5</v>
      </c>
      <c r="G60" s="494">
        <v>4</v>
      </c>
      <c r="H60" s="494">
        <v>1</v>
      </c>
      <c r="I60" s="493">
        <v>357</v>
      </c>
      <c r="J60" s="494">
        <v>233</v>
      </c>
      <c r="K60" s="494">
        <v>124</v>
      </c>
      <c r="L60" s="496">
        <v>3965</v>
      </c>
      <c r="M60" s="494">
        <v>2043</v>
      </c>
      <c r="N60" s="493">
        <v>1922</v>
      </c>
      <c r="O60" s="473"/>
    </row>
    <row r="61" spans="1:15" s="79" customFormat="1" ht="15" customHeight="1">
      <c r="A61" s="475"/>
      <c r="B61" s="481" t="s">
        <v>838</v>
      </c>
      <c r="C61" s="498">
        <v>2307</v>
      </c>
      <c r="D61" s="499">
        <v>1223</v>
      </c>
      <c r="E61" s="500">
        <v>1084</v>
      </c>
      <c r="F61" s="501">
        <v>2</v>
      </c>
      <c r="G61" s="499">
        <v>2</v>
      </c>
      <c r="H61" s="501">
        <v>0</v>
      </c>
      <c r="I61" s="498">
        <v>191</v>
      </c>
      <c r="J61" s="499">
        <v>130</v>
      </c>
      <c r="K61" s="500">
        <v>61</v>
      </c>
      <c r="L61" s="501">
        <v>2114</v>
      </c>
      <c r="M61" s="499">
        <v>1091</v>
      </c>
      <c r="N61" s="501">
        <v>1023</v>
      </c>
      <c r="O61" s="488"/>
    </row>
    <row r="62" spans="1:15" s="79" customFormat="1" ht="15" customHeight="1">
      <c r="A62" s="475"/>
      <c r="B62" s="481" t="s">
        <v>839</v>
      </c>
      <c r="C62" s="498">
        <v>513</v>
      </c>
      <c r="D62" s="499">
        <v>287</v>
      </c>
      <c r="E62" s="500">
        <v>226</v>
      </c>
      <c r="F62" s="501">
        <v>1</v>
      </c>
      <c r="G62" s="499">
        <v>1</v>
      </c>
      <c r="H62" s="501">
        <v>0</v>
      </c>
      <c r="I62" s="498">
        <v>48</v>
      </c>
      <c r="J62" s="499">
        <v>30</v>
      </c>
      <c r="K62" s="500">
        <v>18</v>
      </c>
      <c r="L62" s="501">
        <v>464</v>
      </c>
      <c r="M62" s="499">
        <v>256</v>
      </c>
      <c r="N62" s="501">
        <v>208</v>
      </c>
      <c r="O62" s="488"/>
    </row>
    <row r="63" spans="1:15" s="79" customFormat="1" ht="15" customHeight="1">
      <c r="A63" s="475"/>
      <c r="B63" s="481" t="s">
        <v>840</v>
      </c>
      <c r="C63" s="498">
        <v>131</v>
      </c>
      <c r="D63" s="499">
        <v>80</v>
      </c>
      <c r="E63" s="500">
        <v>51</v>
      </c>
      <c r="F63" s="501">
        <v>0</v>
      </c>
      <c r="G63" s="499">
        <v>0</v>
      </c>
      <c r="H63" s="501">
        <v>0</v>
      </c>
      <c r="I63" s="498">
        <v>11</v>
      </c>
      <c r="J63" s="499">
        <v>8</v>
      </c>
      <c r="K63" s="500">
        <v>3</v>
      </c>
      <c r="L63" s="501">
        <v>120</v>
      </c>
      <c r="M63" s="499">
        <v>72</v>
      </c>
      <c r="N63" s="501">
        <v>48</v>
      </c>
      <c r="O63" s="488"/>
    </row>
    <row r="64" spans="1:15" s="79" customFormat="1" ht="15" customHeight="1">
      <c r="A64" s="475"/>
      <c r="B64" s="481" t="s">
        <v>841</v>
      </c>
      <c r="C64" s="498">
        <v>176</v>
      </c>
      <c r="D64" s="499">
        <v>91</v>
      </c>
      <c r="E64" s="500">
        <v>85</v>
      </c>
      <c r="F64" s="501">
        <v>0</v>
      </c>
      <c r="G64" s="499">
        <v>0</v>
      </c>
      <c r="H64" s="501">
        <v>0</v>
      </c>
      <c r="I64" s="498">
        <v>15</v>
      </c>
      <c r="J64" s="499">
        <v>12</v>
      </c>
      <c r="K64" s="500">
        <v>3</v>
      </c>
      <c r="L64" s="501">
        <v>161</v>
      </c>
      <c r="M64" s="499">
        <v>79</v>
      </c>
      <c r="N64" s="501">
        <v>82</v>
      </c>
      <c r="O64" s="488"/>
    </row>
    <row r="65" spans="1:17" s="79" customFormat="1" ht="15" customHeight="1">
      <c r="A65" s="475"/>
      <c r="B65" s="481" t="s">
        <v>842</v>
      </c>
      <c r="C65" s="498">
        <v>132</v>
      </c>
      <c r="D65" s="499">
        <v>66</v>
      </c>
      <c r="E65" s="500">
        <v>66</v>
      </c>
      <c r="F65" s="501">
        <v>0</v>
      </c>
      <c r="G65" s="499">
        <v>0</v>
      </c>
      <c r="H65" s="501">
        <v>0</v>
      </c>
      <c r="I65" s="498">
        <v>17</v>
      </c>
      <c r="J65" s="499">
        <v>13</v>
      </c>
      <c r="K65" s="500">
        <v>4</v>
      </c>
      <c r="L65" s="501">
        <v>115</v>
      </c>
      <c r="M65" s="499">
        <v>53</v>
      </c>
      <c r="N65" s="501">
        <v>62</v>
      </c>
      <c r="O65" s="488"/>
    </row>
    <row r="66" spans="1:17" s="79" customFormat="1" ht="15" customHeight="1">
      <c r="A66" s="475"/>
      <c r="B66" s="481" t="s">
        <v>293</v>
      </c>
      <c r="C66" s="498">
        <v>168</v>
      </c>
      <c r="D66" s="499">
        <v>87</v>
      </c>
      <c r="E66" s="500">
        <v>81</v>
      </c>
      <c r="F66" s="501">
        <v>0</v>
      </c>
      <c r="G66" s="499">
        <v>0</v>
      </c>
      <c r="H66" s="501">
        <v>0</v>
      </c>
      <c r="I66" s="498">
        <v>9</v>
      </c>
      <c r="J66" s="499">
        <v>6</v>
      </c>
      <c r="K66" s="500">
        <v>3</v>
      </c>
      <c r="L66" s="501">
        <v>159</v>
      </c>
      <c r="M66" s="499">
        <v>81</v>
      </c>
      <c r="N66" s="501">
        <v>78</v>
      </c>
      <c r="O66" s="488"/>
    </row>
    <row r="67" spans="1:17" s="79" customFormat="1" ht="15" customHeight="1">
      <c r="A67" s="475"/>
      <c r="B67" s="481" t="s">
        <v>286</v>
      </c>
      <c r="C67" s="498">
        <v>146</v>
      </c>
      <c r="D67" s="499">
        <v>78</v>
      </c>
      <c r="E67" s="500">
        <v>68</v>
      </c>
      <c r="F67" s="501">
        <v>2</v>
      </c>
      <c r="G67" s="499">
        <v>1</v>
      </c>
      <c r="H67" s="501">
        <v>1</v>
      </c>
      <c r="I67" s="498">
        <v>9</v>
      </c>
      <c r="J67" s="499">
        <v>5</v>
      </c>
      <c r="K67" s="500">
        <v>4</v>
      </c>
      <c r="L67" s="501">
        <v>135</v>
      </c>
      <c r="M67" s="499">
        <v>72</v>
      </c>
      <c r="N67" s="501">
        <v>63</v>
      </c>
      <c r="O67" s="488"/>
    </row>
    <row r="68" spans="1:17" s="79" customFormat="1" ht="15" customHeight="1">
      <c r="A68" s="475"/>
      <c r="B68" s="481" t="s">
        <v>285</v>
      </c>
      <c r="C68" s="498">
        <v>177</v>
      </c>
      <c r="D68" s="499">
        <v>91</v>
      </c>
      <c r="E68" s="500">
        <v>86</v>
      </c>
      <c r="F68" s="501">
        <v>0</v>
      </c>
      <c r="G68" s="499">
        <v>0</v>
      </c>
      <c r="H68" s="501">
        <v>0</v>
      </c>
      <c r="I68" s="498">
        <v>13</v>
      </c>
      <c r="J68" s="499">
        <v>5</v>
      </c>
      <c r="K68" s="500">
        <v>8</v>
      </c>
      <c r="L68" s="501">
        <v>163</v>
      </c>
      <c r="M68" s="499">
        <v>85</v>
      </c>
      <c r="N68" s="501">
        <v>78</v>
      </c>
      <c r="O68" s="488"/>
      <c r="Q68" s="117"/>
    </row>
    <row r="69" spans="1:17" s="79" customFormat="1" ht="15" customHeight="1">
      <c r="A69" s="475"/>
      <c r="B69" s="481" t="s">
        <v>287</v>
      </c>
      <c r="C69" s="498">
        <v>138</v>
      </c>
      <c r="D69" s="499">
        <v>68</v>
      </c>
      <c r="E69" s="500">
        <v>70</v>
      </c>
      <c r="F69" s="501">
        <v>0</v>
      </c>
      <c r="G69" s="499">
        <v>0</v>
      </c>
      <c r="H69" s="501">
        <v>0</v>
      </c>
      <c r="I69" s="498">
        <v>7</v>
      </c>
      <c r="J69" s="499">
        <v>4</v>
      </c>
      <c r="K69" s="500">
        <v>3</v>
      </c>
      <c r="L69" s="501">
        <v>130</v>
      </c>
      <c r="M69" s="499">
        <v>64</v>
      </c>
      <c r="N69" s="501">
        <v>66</v>
      </c>
      <c r="O69" s="488"/>
    </row>
    <row r="70" spans="1:17" s="79" customFormat="1" ht="15" customHeight="1">
      <c r="A70" s="475"/>
      <c r="B70" s="481" t="s">
        <v>289</v>
      </c>
      <c r="C70" s="498">
        <v>441</v>
      </c>
      <c r="D70" s="499">
        <v>210</v>
      </c>
      <c r="E70" s="500">
        <v>231</v>
      </c>
      <c r="F70" s="501">
        <v>0</v>
      </c>
      <c r="G70" s="499">
        <v>0</v>
      </c>
      <c r="H70" s="501">
        <v>0</v>
      </c>
      <c r="I70" s="498">
        <v>37</v>
      </c>
      <c r="J70" s="499">
        <v>20</v>
      </c>
      <c r="K70" s="500">
        <v>17</v>
      </c>
      <c r="L70" s="501">
        <v>404</v>
      </c>
      <c r="M70" s="499">
        <v>190</v>
      </c>
      <c r="N70" s="501">
        <v>214</v>
      </c>
      <c r="O70" s="488"/>
    </row>
    <row r="71" spans="1:17" s="79" customFormat="1" ht="11.25" customHeight="1" thickBot="1">
      <c r="A71" s="489"/>
      <c r="B71" s="490"/>
      <c r="C71" s="350"/>
      <c r="D71" s="113"/>
      <c r="E71" s="351"/>
      <c r="F71" s="348"/>
      <c r="G71" s="113"/>
      <c r="H71" s="348"/>
      <c r="I71" s="350"/>
      <c r="J71" s="113"/>
      <c r="K71" s="351"/>
      <c r="L71" s="348"/>
      <c r="M71" s="113"/>
      <c r="N71" s="348"/>
    </row>
    <row r="72" spans="1:17" ht="14.25" thickTop="1">
      <c r="F72" s="506"/>
    </row>
  </sheetData>
  <mergeCells count="12">
    <mergeCell ref="A60:B60"/>
    <mergeCell ref="A6:B6"/>
    <mergeCell ref="A25:B25"/>
    <mergeCell ref="A33:B33"/>
    <mergeCell ref="A39:B39"/>
    <mergeCell ref="A40:B40"/>
    <mergeCell ref="A51:B51"/>
    <mergeCell ref="A3:B4"/>
    <mergeCell ref="C3:E3"/>
    <mergeCell ref="F3:H3"/>
    <mergeCell ref="I3:K3"/>
    <mergeCell ref="L3:N3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4"/>
  <sheetViews>
    <sheetView zoomScaleNormal="100" zoomScaleSheetLayoutView="100" workbookViewId="0"/>
  </sheetViews>
  <sheetFormatPr defaultRowHeight="13.5"/>
  <cols>
    <col min="1" max="1" width="7.5" style="80" customWidth="1"/>
    <col min="2" max="2" width="3.75" style="80" customWidth="1"/>
    <col min="3" max="5" width="12.5" style="80" customWidth="1"/>
    <col min="6" max="9" width="10.625" style="80" customWidth="1"/>
    <col min="10" max="16384" width="9" style="80"/>
  </cols>
  <sheetData>
    <row r="1" spans="1:10" ht="15" customHeight="1" thickBot="1">
      <c r="A1" s="753" t="s">
        <v>85</v>
      </c>
      <c r="B1" s="754"/>
      <c r="C1" s="61"/>
      <c r="D1" s="61"/>
      <c r="E1" s="61"/>
      <c r="F1" s="61"/>
      <c r="G1" s="61"/>
      <c r="H1" s="61"/>
      <c r="I1" s="61"/>
    </row>
    <row r="2" spans="1:10" ht="16.5" customHeight="1" thickTop="1">
      <c r="A2" s="1050" t="s">
        <v>86</v>
      </c>
      <c r="B2" s="1051"/>
      <c r="C2" s="1056" t="s">
        <v>87</v>
      </c>
      <c r="D2" s="1057"/>
      <c r="E2" s="1057"/>
      <c r="F2" s="1057"/>
      <c r="G2" s="1057"/>
      <c r="H2" s="1058"/>
      <c r="I2" s="62" t="s">
        <v>88</v>
      </c>
      <c r="J2" s="79"/>
    </row>
    <row r="3" spans="1:10" ht="22.5" customHeight="1">
      <c r="A3" s="1052"/>
      <c r="B3" s="1053"/>
      <c r="C3" s="1059" t="s">
        <v>89</v>
      </c>
      <c r="D3" s="1060"/>
      <c r="E3" s="1060"/>
      <c r="F3" s="1061"/>
      <c r="G3" s="755" t="s">
        <v>90</v>
      </c>
      <c r="H3" s="755" t="s">
        <v>91</v>
      </c>
      <c r="I3" s="63" t="s">
        <v>92</v>
      </c>
      <c r="J3" s="79"/>
    </row>
    <row r="4" spans="1:10" ht="21" customHeight="1">
      <c r="A4" s="1054"/>
      <c r="B4" s="1055"/>
      <c r="C4" s="756" t="s">
        <v>93</v>
      </c>
      <c r="D4" s="757" t="s">
        <v>94</v>
      </c>
      <c r="E4" s="758" t="s">
        <v>95</v>
      </c>
      <c r="F4" s="759" t="s">
        <v>96</v>
      </c>
      <c r="G4" s="756" t="s">
        <v>97</v>
      </c>
      <c r="H4" s="756" t="s">
        <v>97</v>
      </c>
      <c r="I4" s="64" t="s">
        <v>97</v>
      </c>
      <c r="J4" s="79"/>
    </row>
    <row r="5" spans="1:10" ht="13.5" customHeight="1">
      <c r="A5" s="760"/>
      <c r="B5" s="760"/>
      <c r="C5" s="301" t="s">
        <v>100</v>
      </c>
      <c r="D5" s="761" t="s">
        <v>100</v>
      </c>
      <c r="E5" s="762" t="s">
        <v>100</v>
      </c>
      <c r="F5" s="763"/>
      <c r="G5" s="667"/>
      <c r="H5" s="667"/>
      <c r="I5" s="65"/>
      <c r="J5" s="79"/>
    </row>
    <row r="6" spans="1:10" ht="16.5" customHeight="1">
      <c r="A6" s="1066" t="s">
        <v>101</v>
      </c>
      <c r="B6" s="1067"/>
      <c r="C6" s="764">
        <v>9231177</v>
      </c>
      <c r="D6" s="67">
        <v>4579919</v>
      </c>
      <c r="E6" s="68">
        <v>4651258</v>
      </c>
      <c r="F6" s="66">
        <v>98.466242896007913</v>
      </c>
      <c r="G6" s="66">
        <v>98.655596330038435</v>
      </c>
      <c r="H6" s="66">
        <v>99.345690892618606</v>
      </c>
      <c r="I6" s="69">
        <v>94.606389091643237</v>
      </c>
      <c r="J6" s="765"/>
    </row>
    <row r="7" spans="1:10" ht="16.5" customHeight="1">
      <c r="A7" s="766" t="s">
        <v>102</v>
      </c>
      <c r="B7" s="93" t="s">
        <v>103</v>
      </c>
      <c r="C7" s="764">
        <v>319528</v>
      </c>
      <c r="D7" s="67">
        <v>163639</v>
      </c>
      <c r="E7" s="68">
        <v>155889</v>
      </c>
      <c r="F7" s="66">
        <v>104.97148612153519</v>
      </c>
      <c r="G7" s="66">
        <v>105.08951757890532</v>
      </c>
      <c r="H7" s="66">
        <v>105.16519393874873</v>
      </c>
      <c r="I7" s="69">
        <v>104.79323308270676</v>
      </c>
      <c r="J7" s="79"/>
    </row>
    <row r="8" spans="1:10" ht="16.5" customHeight="1">
      <c r="A8" s="766" t="s">
        <v>104</v>
      </c>
      <c r="B8" s="767"/>
      <c r="C8" s="764">
        <v>362880</v>
      </c>
      <c r="D8" s="67">
        <v>186061</v>
      </c>
      <c r="E8" s="68">
        <v>176819</v>
      </c>
      <c r="F8" s="66">
        <v>105.22681386050141</v>
      </c>
      <c r="G8" s="66">
        <v>105.2288128970314</v>
      </c>
      <c r="H8" s="66">
        <v>104.77738729462327</v>
      </c>
      <c r="I8" s="69">
        <v>105.06742950551696</v>
      </c>
      <c r="J8" s="79"/>
    </row>
    <row r="9" spans="1:10" ht="16.5" customHeight="1">
      <c r="A9" s="768" t="s">
        <v>105</v>
      </c>
      <c r="B9" s="769"/>
      <c r="C9" s="764">
        <v>383591</v>
      </c>
      <c r="D9" s="67">
        <v>196541</v>
      </c>
      <c r="E9" s="68">
        <v>187050</v>
      </c>
      <c r="F9" s="66">
        <v>105.07404437316225</v>
      </c>
      <c r="G9" s="66">
        <v>105.25574897344502</v>
      </c>
      <c r="H9" s="66">
        <v>104.86071219580285</v>
      </c>
      <c r="I9" s="69">
        <v>105.18632347291587</v>
      </c>
      <c r="J9" s="79"/>
    </row>
    <row r="10" spans="1:10" ht="16.5" customHeight="1">
      <c r="A10" s="766" t="s">
        <v>106</v>
      </c>
      <c r="B10" s="767"/>
      <c r="C10" s="764">
        <v>398649</v>
      </c>
      <c r="D10" s="67">
        <v>204339</v>
      </c>
      <c r="E10" s="68">
        <v>194310</v>
      </c>
      <c r="F10" s="66">
        <v>105.16134012660183</v>
      </c>
      <c r="G10" s="66">
        <v>104.97965432496676</v>
      </c>
      <c r="H10" s="66">
        <v>105.21120202880748</v>
      </c>
      <c r="I10" s="69">
        <v>105.43036571850757</v>
      </c>
      <c r="J10" s="79"/>
    </row>
    <row r="11" spans="1:10" ht="16.5" customHeight="1">
      <c r="A11" s="766" t="s">
        <v>107</v>
      </c>
      <c r="B11" s="767"/>
      <c r="C11" s="764">
        <v>492720</v>
      </c>
      <c r="D11" s="67">
        <v>251739</v>
      </c>
      <c r="E11" s="68">
        <v>240981</v>
      </c>
      <c r="F11" s="66">
        <v>104.46425236844399</v>
      </c>
      <c r="G11" s="66">
        <v>105.25343144666768</v>
      </c>
      <c r="H11" s="66">
        <v>108.1025931582664</v>
      </c>
      <c r="I11" s="69">
        <v>104.69468154957322</v>
      </c>
      <c r="J11" s="79"/>
    </row>
    <row r="12" spans="1:10" ht="16.5" customHeight="1">
      <c r="A12" s="766" t="s">
        <v>108</v>
      </c>
      <c r="B12" s="767"/>
      <c r="C12" s="764">
        <v>486193</v>
      </c>
      <c r="D12" s="67">
        <v>250675</v>
      </c>
      <c r="E12" s="68">
        <v>235518</v>
      </c>
      <c r="F12" s="66">
        <v>106.43560152514881</v>
      </c>
      <c r="G12" s="66">
        <v>106.81388828984257</v>
      </c>
      <c r="H12" s="66">
        <v>111.17011498094793</v>
      </c>
      <c r="I12" s="69">
        <v>105.42110358180059</v>
      </c>
      <c r="J12" s="79"/>
    </row>
    <row r="13" spans="1:10" ht="16.5" customHeight="1">
      <c r="A13" s="766" t="s">
        <v>109</v>
      </c>
      <c r="B13" s="767"/>
      <c r="C13" s="764">
        <v>485150</v>
      </c>
      <c r="D13" s="67">
        <v>250181</v>
      </c>
      <c r="E13" s="68">
        <v>234969</v>
      </c>
      <c r="F13" s="66">
        <v>106.47404551238675</v>
      </c>
      <c r="G13" s="66">
        <v>106.70502444781656</v>
      </c>
      <c r="H13" s="66">
        <v>107.33681847232918</v>
      </c>
      <c r="I13" s="69">
        <v>104.58254865034526</v>
      </c>
      <c r="J13" s="79"/>
    </row>
    <row r="14" spans="1:10" ht="16.5" customHeight="1">
      <c r="A14" s="766" t="s">
        <v>110</v>
      </c>
      <c r="B14" s="767"/>
      <c r="C14" s="764">
        <v>545264</v>
      </c>
      <c r="D14" s="67">
        <v>280697</v>
      </c>
      <c r="E14" s="68">
        <v>264567</v>
      </c>
      <c r="F14" s="66">
        <v>106.09675431932175</v>
      </c>
      <c r="G14" s="66">
        <v>105.67378504586648</v>
      </c>
      <c r="H14" s="66">
        <v>105.73540280857354</v>
      </c>
      <c r="I14" s="69">
        <v>103.27595780122154</v>
      </c>
      <c r="J14" s="79"/>
    </row>
    <row r="15" spans="1:10" ht="16.5" customHeight="1">
      <c r="A15" s="766" t="s">
        <v>111</v>
      </c>
      <c r="B15" s="767"/>
      <c r="C15" s="764">
        <v>614154</v>
      </c>
      <c r="D15" s="67">
        <v>314156</v>
      </c>
      <c r="E15" s="68">
        <v>299998</v>
      </c>
      <c r="F15" s="66">
        <v>104.71936479576532</v>
      </c>
      <c r="G15" s="66">
        <v>104.88676727500112</v>
      </c>
      <c r="H15" s="66">
        <v>105.51841331662966</v>
      </c>
      <c r="I15" s="69">
        <v>102.84928767808049</v>
      </c>
      <c r="J15" s="79"/>
    </row>
    <row r="16" spans="1:10" ht="16.5" customHeight="1">
      <c r="A16" s="766" t="s">
        <v>112</v>
      </c>
      <c r="B16" s="767"/>
      <c r="C16" s="764">
        <v>745633</v>
      </c>
      <c r="D16" s="67">
        <v>380316</v>
      </c>
      <c r="E16" s="68">
        <v>365317</v>
      </c>
      <c r="F16" s="66">
        <v>104.10574925338815</v>
      </c>
      <c r="G16" s="66">
        <v>103.9364648239868</v>
      </c>
      <c r="H16" s="66">
        <v>104.52217895583</v>
      </c>
      <c r="I16" s="69">
        <v>102.55390412392715</v>
      </c>
      <c r="J16" s="79"/>
    </row>
    <row r="17" spans="1:10" ht="16.5" customHeight="1">
      <c r="A17" s="766" t="s">
        <v>113</v>
      </c>
      <c r="B17" s="767"/>
      <c r="C17" s="764">
        <v>759350</v>
      </c>
      <c r="D17" s="67">
        <v>389889</v>
      </c>
      <c r="E17" s="68">
        <v>369461</v>
      </c>
      <c r="F17" s="66">
        <v>105.52913568685194</v>
      </c>
      <c r="G17" s="66">
        <v>106.63161190084179</v>
      </c>
      <c r="H17" s="66">
        <v>108.09072023390289</v>
      </c>
      <c r="I17" s="69">
        <v>101.30929383987981</v>
      </c>
      <c r="J17" s="69"/>
    </row>
    <row r="18" spans="1:10" ht="16.5" customHeight="1">
      <c r="A18" s="766" t="s">
        <v>114</v>
      </c>
      <c r="B18" s="767"/>
      <c r="C18" s="764">
        <v>602868</v>
      </c>
      <c r="D18" s="67">
        <v>312220</v>
      </c>
      <c r="E18" s="68">
        <v>290648</v>
      </c>
      <c r="F18" s="66">
        <v>107.4220362775591</v>
      </c>
      <c r="G18" s="66">
        <v>107.43101320434943</v>
      </c>
      <c r="H18" s="66">
        <v>107.46254641066758</v>
      </c>
      <c r="I18" s="69">
        <v>100</v>
      </c>
      <c r="J18" s="69"/>
    </row>
    <row r="19" spans="1:10" ht="16.5" customHeight="1">
      <c r="A19" s="766" t="s">
        <v>115</v>
      </c>
      <c r="B19" s="767"/>
      <c r="C19" s="764">
        <v>497116</v>
      </c>
      <c r="D19" s="67">
        <v>253059</v>
      </c>
      <c r="E19" s="68">
        <v>244057</v>
      </c>
      <c r="F19" s="66">
        <v>103.68848260857095</v>
      </c>
      <c r="G19" s="66">
        <v>103.23346646134071</v>
      </c>
      <c r="H19" s="66">
        <v>102.69027967385995</v>
      </c>
      <c r="I19" s="69">
        <v>97.752207653197758</v>
      </c>
      <c r="J19" s="69"/>
    </row>
    <row r="20" spans="1:10" ht="16.5" customHeight="1">
      <c r="A20" s="766" t="s">
        <v>116</v>
      </c>
      <c r="B20" s="767"/>
      <c r="C20" s="764">
        <v>481333</v>
      </c>
      <c r="D20" s="67">
        <v>237090</v>
      </c>
      <c r="E20" s="68">
        <v>244243</v>
      </c>
      <c r="F20" s="66">
        <v>97.071359261063776</v>
      </c>
      <c r="G20" s="66">
        <v>96.507693389702027</v>
      </c>
      <c r="H20" s="66">
        <v>95.811963317745068</v>
      </c>
      <c r="I20" s="69">
        <v>94.558162755866206</v>
      </c>
      <c r="J20" s="69"/>
    </row>
    <row r="21" spans="1:10" ht="16.5" customHeight="1">
      <c r="A21" s="766" t="s">
        <v>117</v>
      </c>
      <c r="B21" s="767"/>
      <c r="C21" s="764">
        <v>617096</v>
      </c>
      <c r="D21" s="67">
        <v>291932</v>
      </c>
      <c r="E21" s="68">
        <v>325164</v>
      </c>
      <c r="F21" s="66">
        <v>89.779926437120963</v>
      </c>
      <c r="G21" s="66">
        <v>89.687451164244408</v>
      </c>
      <c r="H21" s="66">
        <v>89.303640679109222</v>
      </c>
      <c r="I21" s="69">
        <v>89.299037895150207</v>
      </c>
      <c r="J21" s="69"/>
    </row>
    <row r="22" spans="1:10" ht="16.5" customHeight="1">
      <c r="A22" s="766" t="s">
        <v>118</v>
      </c>
      <c r="B22" s="767"/>
      <c r="C22" s="764">
        <v>461664</v>
      </c>
      <c r="D22" s="67">
        <v>208163</v>
      </c>
      <c r="E22" s="68">
        <v>253501</v>
      </c>
      <c r="F22" s="66">
        <v>82.115257927976614</v>
      </c>
      <c r="G22" s="66">
        <v>82.055192502726072</v>
      </c>
      <c r="H22" s="66">
        <v>82.946393826589428</v>
      </c>
      <c r="I22" s="69">
        <v>80.585392051557463</v>
      </c>
      <c r="J22" s="69"/>
    </row>
    <row r="23" spans="1:10" ht="16.5" customHeight="1">
      <c r="A23" s="766" t="s">
        <v>119</v>
      </c>
      <c r="B23" s="767"/>
      <c r="C23" s="764">
        <v>376694</v>
      </c>
      <c r="D23" s="67">
        <v>162004</v>
      </c>
      <c r="E23" s="68">
        <v>214690</v>
      </c>
      <c r="F23" s="66">
        <v>75.459499743816664</v>
      </c>
      <c r="G23" s="66">
        <v>75.817734643083313</v>
      </c>
      <c r="H23" s="66">
        <v>76.222468801775378</v>
      </c>
      <c r="I23" s="69">
        <v>71.051032806804372</v>
      </c>
      <c r="J23" s="69"/>
    </row>
    <row r="24" spans="1:10" ht="16.5" customHeight="1">
      <c r="A24" s="766" t="s">
        <v>120</v>
      </c>
      <c r="B24" s="767"/>
      <c r="C24" s="764">
        <v>242137</v>
      </c>
      <c r="D24" s="67">
        <v>91782</v>
      </c>
      <c r="E24" s="68">
        <v>150355</v>
      </c>
      <c r="F24" s="66">
        <v>61.043530311595894</v>
      </c>
      <c r="G24" s="66">
        <v>59.723305157840265</v>
      </c>
      <c r="H24" s="66">
        <v>59.295071278266796</v>
      </c>
      <c r="I24" s="69">
        <v>56.011258544431044</v>
      </c>
      <c r="J24" s="69"/>
    </row>
    <row r="25" spans="1:10" ht="16.5" customHeight="1">
      <c r="A25" s="766" t="s">
        <v>121</v>
      </c>
      <c r="B25" s="767"/>
      <c r="C25" s="764">
        <v>110740</v>
      </c>
      <c r="D25" s="67">
        <v>32879</v>
      </c>
      <c r="E25" s="68">
        <v>77861</v>
      </c>
      <c r="F25" s="66">
        <v>42.227816236626808</v>
      </c>
      <c r="G25" s="66">
        <v>41.872679774508455</v>
      </c>
      <c r="H25" s="66">
        <v>41.741061770771736</v>
      </c>
      <c r="I25" s="69">
        <v>38.824383164005802</v>
      </c>
      <c r="J25" s="69"/>
    </row>
    <row r="26" spans="1:10" ht="16.5" customHeight="1">
      <c r="A26" s="766" t="s">
        <v>122</v>
      </c>
      <c r="B26" s="767"/>
      <c r="C26" s="764">
        <v>29537</v>
      </c>
      <c r="D26" s="67">
        <v>6358</v>
      </c>
      <c r="E26" s="68">
        <v>23179</v>
      </c>
      <c r="F26" s="66">
        <v>27.430001294274991</v>
      </c>
      <c r="G26" s="66">
        <v>25.168742921857305</v>
      </c>
      <c r="H26" s="66">
        <v>24.901314261830677</v>
      </c>
      <c r="I26" s="69">
        <v>24.485125858123567</v>
      </c>
      <c r="J26" s="70"/>
    </row>
    <row r="27" spans="1:10" ht="16.5" customHeight="1">
      <c r="A27" s="1066" t="s">
        <v>123</v>
      </c>
      <c r="B27" s="1067"/>
      <c r="C27" s="764">
        <v>4806</v>
      </c>
      <c r="D27" s="835">
        <v>636</v>
      </c>
      <c r="E27" s="71">
        <v>4170</v>
      </c>
      <c r="F27" s="66">
        <v>15.251798561151078</v>
      </c>
      <c r="G27" s="66">
        <v>15.698133052853011</v>
      </c>
      <c r="H27" s="66">
        <v>17.371007371007373</v>
      </c>
      <c r="I27" s="69">
        <v>14.473684210526317</v>
      </c>
      <c r="J27" s="79"/>
    </row>
    <row r="28" spans="1:10" ht="16.5" customHeight="1">
      <c r="A28" s="770" t="s">
        <v>124</v>
      </c>
      <c r="B28" s="771" t="s">
        <v>103</v>
      </c>
      <c r="C28" s="772">
        <v>1065999</v>
      </c>
      <c r="D28" s="773">
        <v>546241</v>
      </c>
      <c r="E28" s="836">
        <v>519758</v>
      </c>
      <c r="F28" s="72">
        <v>105.09525586907753</v>
      </c>
      <c r="G28" s="72">
        <v>105.19612953362964</v>
      </c>
      <c r="H28" s="72">
        <v>104.9292280151824</v>
      </c>
      <c r="I28" s="774">
        <v>105.02855550912385</v>
      </c>
      <c r="J28" s="79"/>
    </row>
    <row r="29" spans="1:10" ht="16.5" customHeight="1">
      <c r="A29" s="87" t="s">
        <v>125</v>
      </c>
      <c r="B29" s="280" t="s">
        <v>103</v>
      </c>
      <c r="C29" s="82">
        <v>5627097</v>
      </c>
      <c r="D29" s="773">
        <v>2887271</v>
      </c>
      <c r="E29" s="773">
        <v>2739826</v>
      </c>
      <c r="F29" s="66">
        <v>105.38154612738182</v>
      </c>
      <c r="G29" s="66">
        <v>105.53912582640199</v>
      </c>
      <c r="H29" s="66">
        <v>106.52068605009306</v>
      </c>
      <c r="I29" s="83">
        <v>102.5518124131921</v>
      </c>
      <c r="J29" s="79"/>
    </row>
    <row r="30" spans="1:10" ht="16.5" customHeight="1">
      <c r="A30" s="1068" t="s">
        <v>126</v>
      </c>
      <c r="B30" s="1069"/>
      <c r="C30" s="773">
        <v>2324007</v>
      </c>
      <c r="D30" s="773">
        <v>1030844</v>
      </c>
      <c r="E30" s="773">
        <v>1293163</v>
      </c>
      <c r="F30" s="66">
        <v>79.714931528353347</v>
      </c>
      <c r="G30" s="66">
        <v>79.879368477721371</v>
      </c>
      <c r="H30" s="66">
        <v>80.290467919766456</v>
      </c>
      <c r="I30" s="83">
        <v>76.718879617430346</v>
      </c>
      <c r="J30" s="79"/>
    </row>
    <row r="31" spans="1:10" ht="11.25" customHeight="1" thickBot="1">
      <c r="A31" s="73"/>
      <c r="B31" s="73"/>
      <c r="C31" s="74"/>
      <c r="D31" s="74"/>
      <c r="E31" s="74"/>
      <c r="F31" s="75"/>
      <c r="G31" s="76"/>
      <c r="H31" s="77"/>
      <c r="I31" s="78"/>
      <c r="J31" s="79"/>
    </row>
    <row r="32" spans="1:10" ht="9" customHeight="1" thickTop="1">
      <c r="C32" s="84"/>
    </row>
    <row r="33" spans="1:10" ht="16.5" customHeight="1">
      <c r="A33" s="39" t="s">
        <v>127</v>
      </c>
      <c r="B33" s="81"/>
      <c r="C33" s="82"/>
      <c r="D33" s="82"/>
      <c r="E33" s="82"/>
      <c r="F33" s="69"/>
      <c r="G33" s="69"/>
      <c r="H33" s="69"/>
      <c r="I33" s="83"/>
      <c r="J33" s="79"/>
    </row>
    <row r="34" spans="1:10" ht="16.5" customHeight="1">
      <c r="C34" s="84"/>
    </row>
    <row r="35" spans="1:10" ht="15" customHeight="1" thickBot="1">
      <c r="A35" s="776" t="s">
        <v>128</v>
      </c>
      <c r="B35" s="777"/>
      <c r="C35" s="85"/>
      <c r="D35" s="85"/>
      <c r="E35" s="85"/>
      <c r="F35" s="85"/>
      <c r="G35" s="85"/>
      <c r="H35" s="85"/>
      <c r="I35" s="85"/>
    </row>
    <row r="36" spans="1:10" ht="18" customHeight="1" thickTop="1">
      <c r="A36" s="1070" t="s">
        <v>129</v>
      </c>
      <c r="B36" s="1071"/>
      <c r="C36" s="1072" t="s">
        <v>130</v>
      </c>
      <c r="D36" s="665" t="s">
        <v>98</v>
      </c>
      <c r="E36" s="665" t="s">
        <v>99</v>
      </c>
      <c r="F36" s="665" t="s">
        <v>131</v>
      </c>
      <c r="G36" s="1062" t="s">
        <v>132</v>
      </c>
      <c r="H36" s="1062"/>
      <c r="I36" s="1063"/>
      <c r="J36" s="79"/>
    </row>
    <row r="37" spans="1:10" ht="18" customHeight="1">
      <c r="A37" s="1064" t="s">
        <v>133</v>
      </c>
      <c r="B37" s="1065"/>
      <c r="C37" s="1073"/>
      <c r="D37" s="778" t="s">
        <v>134</v>
      </c>
      <c r="E37" s="778" t="s">
        <v>135</v>
      </c>
      <c r="F37" s="778" t="s">
        <v>136</v>
      </c>
      <c r="G37" s="778" t="s">
        <v>130</v>
      </c>
      <c r="H37" s="778" t="s">
        <v>98</v>
      </c>
      <c r="I37" s="86" t="s">
        <v>99</v>
      </c>
      <c r="J37" s="79"/>
    </row>
    <row r="38" spans="1:10" ht="17.25" customHeight="1">
      <c r="A38" s="117"/>
      <c r="B38" s="247"/>
      <c r="C38" s="106" t="s">
        <v>103</v>
      </c>
      <c r="D38" s="536" t="s">
        <v>103</v>
      </c>
      <c r="E38" s="87" t="s">
        <v>103</v>
      </c>
      <c r="F38" s="536" t="s">
        <v>103</v>
      </c>
      <c r="G38" s="87" t="s">
        <v>103</v>
      </c>
      <c r="H38" s="536" t="s">
        <v>103</v>
      </c>
      <c r="I38" s="87" t="s">
        <v>103</v>
      </c>
      <c r="J38" s="79"/>
    </row>
    <row r="39" spans="1:10" ht="17.25" customHeight="1">
      <c r="A39" s="87" t="s">
        <v>137</v>
      </c>
      <c r="B39" s="280" t="s">
        <v>138</v>
      </c>
      <c r="C39" s="88">
        <v>46.8</v>
      </c>
      <c r="D39" s="88">
        <v>45.5</v>
      </c>
      <c r="E39" s="89">
        <v>48.07</v>
      </c>
      <c r="F39" s="88">
        <v>2.5700000000000003</v>
      </c>
      <c r="G39" s="88">
        <v>0.27999999999999403</v>
      </c>
      <c r="H39" s="88">
        <v>0.25999999999999801</v>
      </c>
      <c r="I39" s="89">
        <v>0.28999999999999915</v>
      </c>
      <c r="J39" s="79"/>
    </row>
    <row r="40" spans="1:10" ht="17.25" customHeight="1">
      <c r="A40" s="87"/>
      <c r="B40" s="280"/>
      <c r="C40" s="88"/>
      <c r="D40" s="88"/>
      <c r="E40" s="89"/>
      <c r="F40" s="88" t="s">
        <v>139</v>
      </c>
      <c r="G40" s="88"/>
      <c r="H40" s="88"/>
      <c r="I40" s="89"/>
      <c r="J40" s="79"/>
    </row>
    <row r="41" spans="1:10" ht="17.25" customHeight="1">
      <c r="A41" s="87">
        <v>3</v>
      </c>
      <c r="B41" s="280" t="s">
        <v>138</v>
      </c>
      <c r="C41" s="88">
        <v>46.52</v>
      </c>
      <c r="D41" s="88">
        <v>45.24</v>
      </c>
      <c r="E41" s="89">
        <v>47.78</v>
      </c>
      <c r="F41" s="88">
        <v>2.5399999999999991</v>
      </c>
      <c r="G41" s="88">
        <v>0.35000000000000142</v>
      </c>
      <c r="H41" s="88">
        <v>0.35000000000000142</v>
      </c>
      <c r="I41" s="89">
        <v>0.34000000000000341</v>
      </c>
      <c r="J41" s="79"/>
    </row>
    <row r="42" spans="1:10" ht="17.25" customHeight="1">
      <c r="A42" s="87">
        <v>2</v>
      </c>
      <c r="B42" s="280" t="s">
        <v>138</v>
      </c>
      <c r="C42" s="88">
        <v>46.17</v>
      </c>
      <c r="D42" s="88">
        <v>44.89</v>
      </c>
      <c r="E42" s="89">
        <v>47.44</v>
      </c>
      <c r="F42" s="88">
        <v>2.5499999999999972</v>
      </c>
      <c r="G42" s="88">
        <v>0.26000000000000512</v>
      </c>
      <c r="H42" s="88">
        <v>0.25</v>
      </c>
      <c r="I42" s="89">
        <v>0.28000000000000114</v>
      </c>
      <c r="J42" s="79"/>
    </row>
    <row r="43" spans="1:10" ht="17.25" customHeight="1">
      <c r="A43" s="87" t="s">
        <v>140</v>
      </c>
      <c r="B43" s="280" t="s">
        <v>138</v>
      </c>
      <c r="C43" s="88">
        <v>45.91</v>
      </c>
      <c r="D43" s="88">
        <v>44.64</v>
      </c>
      <c r="E43" s="89">
        <v>47.16</v>
      </c>
      <c r="F43" s="88">
        <v>2.519999999999996</v>
      </c>
      <c r="G43" s="88">
        <v>0.26999999999999602</v>
      </c>
      <c r="H43" s="88">
        <v>0.25</v>
      </c>
      <c r="I43" s="89">
        <v>0.27999999999999403</v>
      </c>
      <c r="J43" s="79"/>
    </row>
    <row r="44" spans="1:10" ht="17.25" customHeight="1">
      <c r="A44" s="87">
        <v>30</v>
      </c>
      <c r="B44" s="280" t="s">
        <v>138</v>
      </c>
      <c r="C44" s="88">
        <v>45.64</v>
      </c>
      <c r="D44" s="88">
        <v>44.39</v>
      </c>
      <c r="E44" s="89">
        <v>46.88</v>
      </c>
      <c r="F44" s="88">
        <v>2.490000000000002</v>
      </c>
      <c r="G44" s="88">
        <v>0.28000000000000114</v>
      </c>
      <c r="H44" s="88">
        <v>0.27000000000000313</v>
      </c>
      <c r="I44" s="89">
        <v>0.30000000000000426</v>
      </c>
      <c r="J44" s="79"/>
    </row>
    <row r="45" spans="1:10" ht="17.25" customHeight="1">
      <c r="A45" s="87">
        <v>29</v>
      </c>
      <c r="B45" s="280" t="s">
        <v>138</v>
      </c>
      <c r="C45" s="88">
        <v>45.36</v>
      </c>
      <c r="D45" s="88">
        <v>44.12</v>
      </c>
      <c r="E45" s="89">
        <v>46.58</v>
      </c>
      <c r="F45" s="88">
        <v>2.4600000000000009</v>
      </c>
      <c r="G45" s="88">
        <v>0.28999999999999915</v>
      </c>
      <c r="H45" s="88">
        <v>0.26999999999999602</v>
      </c>
      <c r="I45" s="89">
        <v>0.28999999999999915</v>
      </c>
      <c r="J45" s="79"/>
    </row>
    <row r="46" spans="1:10" ht="17.25" customHeight="1">
      <c r="A46" s="87">
        <v>28</v>
      </c>
      <c r="B46" s="280" t="s">
        <v>138</v>
      </c>
      <c r="C46" s="88">
        <v>45.07</v>
      </c>
      <c r="D46" s="88">
        <v>43.85</v>
      </c>
      <c r="E46" s="89">
        <v>46.29</v>
      </c>
      <c r="F46" s="88">
        <v>2.4399999999999977</v>
      </c>
      <c r="G46" s="88">
        <v>0.31000000000000227</v>
      </c>
      <c r="H46" s="88">
        <v>0.31000000000000227</v>
      </c>
      <c r="I46" s="89">
        <v>0.32000000000000028</v>
      </c>
      <c r="J46" s="79"/>
    </row>
    <row r="47" spans="1:10" ht="17.25" customHeight="1">
      <c r="A47" s="87">
        <v>27</v>
      </c>
      <c r="B47" s="280" t="s">
        <v>138</v>
      </c>
      <c r="C47" s="88">
        <v>44.76</v>
      </c>
      <c r="D47" s="88">
        <v>43.54</v>
      </c>
      <c r="E47" s="89">
        <v>45.97</v>
      </c>
      <c r="F47" s="88">
        <v>2.4299999999999997</v>
      </c>
      <c r="G47" s="88">
        <v>0.30999999999999517</v>
      </c>
      <c r="H47" s="88">
        <v>0.28999999999999915</v>
      </c>
      <c r="I47" s="89">
        <v>0.32000000000000028</v>
      </c>
      <c r="J47" s="79"/>
    </row>
    <row r="48" spans="1:10" ht="17.25" customHeight="1">
      <c r="A48" s="87">
        <v>26</v>
      </c>
      <c r="B48" s="280" t="s">
        <v>138</v>
      </c>
      <c r="C48" s="88">
        <v>44.45</v>
      </c>
      <c r="D48" s="88">
        <v>43.25</v>
      </c>
      <c r="E48" s="89">
        <v>45.65</v>
      </c>
      <c r="F48" s="88">
        <v>2.3999999999999986</v>
      </c>
      <c r="G48" s="88">
        <v>0.31000000000000227</v>
      </c>
      <c r="H48" s="88">
        <v>0.29999999999999716</v>
      </c>
      <c r="I48" s="89">
        <v>0.32999999999999829</v>
      </c>
      <c r="J48" s="79"/>
    </row>
    <row r="49" spans="1:10" ht="17.25" customHeight="1">
      <c r="A49" s="87">
        <v>25</v>
      </c>
      <c r="B49" s="280" t="s">
        <v>141</v>
      </c>
      <c r="C49" s="88">
        <v>44.14</v>
      </c>
      <c r="D49" s="88">
        <v>42.95</v>
      </c>
      <c r="E49" s="89">
        <v>45.32</v>
      </c>
      <c r="F49" s="88">
        <v>2.3699999999999974</v>
      </c>
      <c r="G49" s="88">
        <v>0.32000000000000028</v>
      </c>
      <c r="H49" s="88">
        <v>0.30000000000000426</v>
      </c>
      <c r="I49" s="89">
        <v>0.32999999999999829</v>
      </c>
      <c r="J49" s="79"/>
    </row>
    <row r="50" spans="1:10" ht="17.25" customHeight="1">
      <c r="A50" s="87">
        <v>24</v>
      </c>
      <c r="B50" s="280" t="s">
        <v>141</v>
      </c>
      <c r="C50" s="88">
        <v>43.82</v>
      </c>
      <c r="D50" s="88">
        <v>42.65</v>
      </c>
      <c r="E50" s="89">
        <v>44.99</v>
      </c>
      <c r="F50" s="88">
        <v>2.3400000000000034</v>
      </c>
      <c r="G50" s="88">
        <v>0.32999999999999829</v>
      </c>
      <c r="H50" s="88">
        <v>0.32000000000000028</v>
      </c>
      <c r="I50" s="779">
        <v>0.34000000000000341</v>
      </c>
      <c r="J50" s="79"/>
    </row>
    <row r="51" spans="1:10" ht="17.25" customHeight="1">
      <c r="A51" s="87">
        <v>23</v>
      </c>
      <c r="B51" s="280" t="s">
        <v>141</v>
      </c>
      <c r="C51" s="88">
        <v>43.49</v>
      </c>
      <c r="D51" s="88">
        <v>42.33</v>
      </c>
      <c r="E51" s="89">
        <v>44.65</v>
      </c>
      <c r="F51" s="88">
        <v>2.3200000000000003</v>
      </c>
      <c r="G51" s="88">
        <v>0.37000000000000455</v>
      </c>
      <c r="H51" s="88">
        <v>0.32999999999999829</v>
      </c>
      <c r="I51" s="779">
        <v>0.39999999999999858</v>
      </c>
      <c r="J51" s="117"/>
    </row>
    <row r="52" spans="1:10" ht="11.25" customHeight="1" thickBot="1">
      <c r="A52" s="73"/>
      <c r="B52" s="90"/>
      <c r="C52" s="91"/>
      <c r="D52" s="91"/>
      <c r="E52" s="91"/>
      <c r="F52" s="76"/>
      <c r="G52" s="76"/>
      <c r="H52" s="76"/>
      <c r="I52" s="78"/>
      <c r="J52" s="79"/>
    </row>
    <row r="53" spans="1:10" ht="14.25" thickTop="1">
      <c r="A53" s="79"/>
      <c r="B53" s="79"/>
      <c r="C53" s="79"/>
      <c r="D53" s="79"/>
      <c r="E53" s="79"/>
      <c r="F53" s="92"/>
      <c r="G53" s="92"/>
      <c r="H53" s="92"/>
      <c r="I53" s="92"/>
      <c r="J53" s="79"/>
    </row>
    <row r="54" spans="1:10">
      <c r="A54" s="79"/>
      <c r="B54" s="79"/>
      <c r="C54" s="79"/>
      <c r="D54" s="79"/>
      <c r="E54" s="79"/>
      <c r="F54" s="79"/>
      <c r="G54" s="79"/>
      <c r="H54" s="79"/>
      <c r="I54" s="79"/>
      <c r="J54" s="79"/>
    </row>
  </sheetData>
  <mergeCells count="10">
    <mergeCell ref="A2:B4"/>
    <mergeCell ref="C2:H2"/>
    <mergeCell ref="C3:F3"/>
    <mergeCell ref="G36:I36"/>
    <mergeCell ref="A37:B37"/>
    <mergeCell ref="A6:B6"/>
    <mergeCell ref="A27:B27"/>
    <mergeCell ref="A30:B30"/>
    <mergeCell ref="A36:B36"/>
    <mergeCell ref="C36:C37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95" firstPageNumber="9" orientation="portrait" blackAndWhite="1" r:id="rId1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3"/>
  <sheetViews>
    <sheetView zoomScale="80" zoomScaleNormal="80" workbookViewId="0"/>
  </sheetViews>
  <sheetFormatPr defaultRowHeight="13.5"/>
  <cols>
    <col min="1" max="1" width="2.25" style="153" customWidth="1"/>
    <col min="2" max="2" width="13.25" style="153" customWidth="1"/>
    <col min="3" max="14" width="8.75" style="153" customWidth="1"/>
    <col min="15" max="16384" width="9" style="153"/>
  </cols>
  <sheetData>
    <row r="1" spans="1:15" ht="17.25">
      <c r="A1" s="460" t="s">
        <v>853</v>
      </c>
    </row>
    <row r="2" spans="1:15" s="80" customFormat="1" ht="24.75" customHeight="1" thickBot="1">
      <c r="A2" s="461" t="s">
        <v>854</v>
      </c>
      <c r="B2" s="117"/>
      <c r="C2" s="117"/>
      <c r="D2" s="117"/>
      <c r="E2" s="117"/>
      <c r="F2" s="117"/>
      <c r="G2" s="117"/>
      <c r="H2" s="117"/>
      <c r="I2" s="117"/>
      <c r="J2" s="117"/>
      <c r="K2" s="117"/>
      <c r="M2" s="117" t="s">
        <v>950</v>
      </c>
      <c r="N2" s="79"/>
    </row>
    <row r="3" spans="1:15" s="79" customFormat="1" ht="15" customHeight="1" thickTop="1">
      <c r="A3" s="1149" t="s">
        <v>779</v>
      </c>
      <c r="B3" s="1150"/>
      <c r="C3" s="1153" t="s">
        <v>846</v>
      </c>
      <c r="D3" s="1154"/>
      <c r="E3" s="1155"/>
      <c r="F3" s="1156" t="s">
        <v>847</v>
      </c>
      <c r="G3" s="1157"/>
      <c r="H3" s="1158"/>
      <c r="I3" s="1156" t="s">
        <v>326</v>
      </c>
      <c r="J3" s="1157"/>
      <c r="K3" s="1158"/>
      <c r="L3" s="1156" t="s">
        <v>327</v>
      </c>
      <c r="M3" s="1157"/>
      <c r="N3" s="1157"/>
    </row>
    <row r="4" spans="1:15" s="79" customFormat="1" ht="15" customHeight="1">
      <c r="A4" s="1151"/>
      <c r="B4" s="1152"/>
      <c r="C4" s="462" t="s">
        <v>191</v>
      </c>
      <c r="D4" s="462" t="s">
        <v>508</v>
      </c>
      <c r="E4" s="463" t="s">
        <v>509</v>
      </c>
      <c r="F4" s="464" t="s">
        <v>191</v>
      </c>
      <c r="G4" s="462" t="s">
        <v>508</v>
      </c>
      <c r="H4" s="462" t="s">
        <v>509</v>
      </c>
      <c r="I4" s="465" t="s">
        <v>191</v>
      </c>
      <c r="J4" s="465" t="s">
        <v>508</v>
      </c>
      <c r="K4" s="466" t="s">
        <v>509</v>
      </c>
      <c r="L4" s="464" t="s">
        <v>191</v>
      </c>
      <c r="M4" s="462" t="s">
        <v>508</v>
      </c>
      <c r="N4" s="462" t="s">
        <v>509</v>
      </c>
    </row>
    <row r="5" spans="1:15" s="474" customFormat="1" ht="17.25" customHeight="1">
      <c r="A5" s="467"/>
      <c r="B5" s="468" t="s">
        <v>855</v>
      </c>
      <c r="C5" s="469">
        <v>488358</v>
      </c>
      <c r="D5" s="470">
        <v>259380</v>
      </c>
      <c r="E5" s="471">
        <v>228978</v>
      </c>
      <c r="F5" s="472">
        <v>43565</v>
      </c>
      <c r="G5" s="470">
        <v>22241</v>
      </c>
      <c r="H5" s="470">
        <v>21324</v>
      </c>
      <c r="I5" s="470">
        <v>414372</v>
      </c>
      <c r="J5" s="470">
        <v>224187</v>
      </c>
      <c r="K5" s="470">
        <v>190185</v>
      </c>
      <c r="L5" s="472">
        <v>30421</v>
      </c>
      <c r="M5" s="470">
        <v>12952</v>
      </c>
      <c r="N5" s="472">
        <v>17469</v>
      </c>
      <c r="O5" s="473"/>
    </row>
    <row r="6" spans="1:15" s="474" customFormat="1" ht="17.25" customHeight="1">
      <c r="A6" s="1161" t="s">
        <v>785</v>
      </c>
      <c r="B6" s="1162"/>
      <c r="C6" s="469">
        <v>214743</v>
      </c>
      <c r="D6" s="470">
        <v>112792</v>
      </c>
      <c r="E6" s="471">
        <v>101951</v>
      </c>
      <c r="F6" s="472">
        <v>20260</v>
      </c>
      <c r="G6" s="470">
        <v>10401</v>
      </c>
      <c r="H6" s="470">
        <v>9859</v>
      </c>
      <c r="I6" s="470">
        <v>181056</v>
      </c>
      <c r="J6" s="470">
        <v>96666</v>
      </c>
      <c r="K6" s="471">
        <v>84390</v>
      </c>
      <c r="L6" s="472">
        <v>13427</v>
      </c>
      <c r="M6" s="470">
        <v>5725</v>
      </c>
      <c r="N6" s="472">
        <v>7702</v>
      </c>
      <c r="O6" s="473"/>
    </row>
    <row r="7" spans="1:15" s="79" customFormat="1" ht="15" customHeight="1">
      <c r="A7" s="475"/>
      <c r="B7" s="476" t="s">
        <v>786</v>
      </c>
      <c r="C7" s="477">
        <v>17100</v>
      </c>
      <c r="D7" s="478">
        <v>9446</v>
      </c>
      <c r="E7" s="479">
        <v>7654</v>
      </c>
      <c r="F7" s="352">
        <v>1205</v>
      </c>
      <c r="G7" s="478">
        <v>616</v>
      </c>
      <c r="H7" s="478">
        <v>589</v>
      </c>
      <c r="I7" s="478">
        <v>15189</v>
      </c>
      <c r="J7" s="478">
        <v>8532</v>
      </c>
      <c r="K7" s="478">
        <v>6657</v>
      </c>
      <c r="L7" s="352">
        <v>706</v>
      </c>
      <c r="M7" s="478">
        <v>298</v>
      </c>
      <c r="N7" s="477">
        <v>408</v>
      </c>
      <c r="O7" s="480"/>
    </row>
    <row r="8" spans="1:15" s="79" customFormat="1" ht="15" customHeight="1">
      <c r="A8" s="475"/>
      <c r="B8" s="476" t="s">
        <v>787</v>
      </c>
      <c r="C8" s="477">
        <v>17607</v>
      </c>
      <c r="D8" s="478">
        <v>9449</v>
      </c>
      <c r="E8" s="479">
        <v>8158</v>
      </c>
      <c r="F8" s="352">
        <v>1070</v>
      </c>
      <c r="G8" s="478">
        <v>558</v>
      </c>
      <c r="H8" s="478">
        <v>512</v>
      </c>
      <c r="I8" s="478">
        <v>15796</v>
      </c>
      <c r="J8" s="478">
        <v>8586</v>
      </c>
      <c r="K8" s="478">
        <v>7210</v>
      </c>
      <c r="L8" s="352">
        <v>741</v>
      </c>
      <c r="M8" s="478">
        <v>305</v>
      </c>
      <c r="N8" s="477">
        <v>436</v>
      </c>
      <c r="O8" s="480"/>
    </row>
    <row r="9" spans="1:15" s="79" customFormat="1" ht="15" customHeight="1">
      <c r="A9" s="475"/>
      <c r="B9" s="476" t="s">
        <v>788</v>
      </c>
      <c r="C9" s="477">
        <v>9470</v>
      </c>
      <c r="D9" s="478">
        <v>4976</v>
      </c>
      <c r="E9" s="479">
        <v>4494</v>
      </c>
      <c r="F9" s="352">
        <v>595</v>
      </c>
      <c r="G9" s="478">
        <v>281</v>
      </c>
      <c r="H9" s="478">
        <v>314</v>
      </c>
      <c r="I9" s="478">
        <v>8483</v>
      </c>
      <c r="J9" s="478">
        <v>4534</v>
      </c>
      <c r="K9" s="478">
        <v>3949</v>
      </c>
      <c r="L9" s="352">
        <v>392</v>
      </c>
      <c r="M9" s="478">
        <v>161</v>
      </c>
      <c r="N9" s="477">
        <v>231</v>
      </c>
      <c r="O9" s="480"/>
    </row>
    <row r="10" spans="1:15" s="79" customFormat="1" ht="15" customHeight="1">
      <c r="A10" s="475"/>
      <c r="B10" s="481" t="s">
        <v>789</v>
      </c>
      <c r="C10" s="477">
        <v>12454</v>
      </c>
      <c r="D10" s="478">
        <v>7052</v>
      </c>
      <c r="E10" s="479">
        <v>5402</v>
      </c>
      <c r="F10" s="352">
        <v>959</v>
      </c>
      <c r="G10" s="478">
        <v>518</v>
      </c>
      <c r="H10" s="478">
        <v>441</v>
      </c>
      <c r="I10" s="478">
        <v>10630</v>
      </c>
      <c r="J10" s="478">
        <v>6048</v>
      </c>
      <c r="K10" s="478">
        <v>4582</v>
      </c>
      <c r="L10" s="352">
        <v>865</v>
      </c>
      <c r="M10" s="478">
        <v>486</v>
      </c>
      <c r="N10" s="477">
        <v>379</v>
      </c>
      <c r="O10" s="480"/>
    </row>
    <row r="11" spans="1:15" s="79" customFormat="1" ht="15" customHeight="1">
      <c r="A11" s="475"/>
      <c r="B11" s="481" t="s">
        <v>790</v>
      </c>
      <c r="C11" s="477">
        <v>13308</v>
      </c>
      <c r="D11" s="478">
        <v>7086</v>
      </c>
      <c r="E11" s="479">
        <v>6222</v>
      </c>
      <c r="F11" s="352">
        <v>825</v>
      </c>
      <c r="G11" s="478">
        <v>419</v>
      </c>
      <c r="H11" s="478">
        <v>406</v>
      </c>
      <c r="I11" s="478">
        <v>11699</v>
      </c>
      <c r="J11" s="478">
        <v>6282</v>
      </c>
      <c r="K11" s="478">
        <v>5417</v>
      </c>
      <c r="L11" s="352">
        <v>784</v>
      </c>
      <c r="M11" s="478">
        <v>385</v>
      </c>
      <c r="N11" s="477">
        <v>399</v>
      </c>
      <c r="O11" s="480"/>
    </row>
    <row r="12" spans="1:15" s="79" customFormat="1" ht="15" customHeight="1">
      <c r="A12" s="475"/>
      <c r="B12" s="481" t="s">
        <v>856</v>
      </c>
      <c r="C12" s="477">
        <v>11489</v>
      </c>
      <c r="D12" s="478">
        <v>6053</v>
      </c>
      <c r="E12" s="479">
        <v>5436</v>
      </c>
      <c r="F12" s="352">
        <v>904</v>
      </c>
      <c r="G12" s="478">
        <v>484</v>
      </c>
      <c r="H12" s="478">
        <v>420</v>
      </c>
      <c r="I12" s="478">
        <v>9733</v>
      </c>
      <c r="J12" s="478">
        <v>5210</v>
      </c>
      <c r="K12" s="478">
        <v>4523</v>
      </c>
      <c r="L12" s="352">
        <v>852</v>
      </c>
      <c r="M12" s="478">
        <v>359</v>
      </c>
      <c r="N12" s="477">
        <v>493</v>
      </c>
      <c r="O12" s="480"/>
    </row>
    <row r="13" spans="1:15" s="79" customFormat="1" ht="15" customHeight="1">
      <c r="A13" s="475"/>
      <c r="B13" s="481" t="s">
        <v>792</v>
      </c>
      <c r="C13" s="477">
        <v>9094</v>
      </c>
      <c r="D13" s="478">
        <v>4840</v>
      </c>
      <c r="E13" s="479">
        <v>4254</v>
      </c>
      <c r="F13" s="352">
        <v>897</v>
      </c>
      <c r="G13" s="478">
        <v>455</v>
      </c>
      <c r="H13" s="478">
        <v>442</v>
      </c>
      <c r="I13" s="478">
        <v>7519</v>
      </c>
      <c r="J13" s="478">
        <v>4076</v>
      </c>
      <c r="K13" s="478">
        <v>3443</v>
      </c>
      <c r="L13" s="352">
        <v>678</v>
      </c>
      <c r="M13" s="478">
        <v>309</v>
      </c>
      <c r="N13" s="477">
        <v>369</v>
      </c>
      <c r="O13" s="480"/>
    </row>
    <row r="14" spans="1:15" s="79" customFormat="1" ht="15" customHeight="1">
      <c r="A14" s="475"/>
      <c r="B14" s="481" t="s">
        <v>793</v>
      </c>
      <c r="C14" s="477">
        <v>9073</v>
      </c>
      <c r="D14" s="478">
        <v>4700</v>
      </c>
      <c r="E14" s="479">
        <v>4373</v>
      </c>
      <c r="F14" s="352">
        <v>917</v>
      </c>
      <c r="G14" s="478">
        <v>459</v>
      </c>
      <c r="H14" s="478">
        <v>458</v>
      </c>
      <c r="I14" s="478">
        <v>7574</v>
      </c>
      <c r="J14" s="478">
        <v>3997</v>
      </c>
      <c r="K14" s="478">
        <v>3577</v>
      </c>
      <c r="L14" s="352">
        <v>582</v>
      </c>
      <c r="M14" s="478">
        <v>244</v>
      </c>
      <c r="N14" s="477">
        <v>338</v>
      </c>
      <c r="O14" s="480"/>
    </row>
    <row r="15" spans="1:15" s="79" customFormat="1" ht="15" customHeight="1">
      <c r="A15" s="475"/>
      <c r="B15" s="481" t="s">
        <v>794</v>
      </c>
      <c r="C15" s="477">
        <v>24007</v>
      </c>
      <c r="D15" s="478">
        <v>12468</v>
      </c>
      <c r="E15" s="479">
        <v>11539</v>
      </c>
      <c r="F15" s="352">
        <v>1881</v>
      </c>
      <c r="G15" s="478">
        <v>961</v>
      </c>
      <c r="H15" s="478">
        <v>920</v>
      </c>
      <c r="I15" s="478">
        <v>21238</v>
      </c>
      <c r="J15" s="478">
        <v>11156</v>
      </c>
      <c r="K15" s="478">
        <v>10082</v>
      </c>
      <c r="L15" s="352">
        <v>888</v>
      </c>
      <c r="M15" s="478">
        <v>351</v>
      </c>
      <c r="N15" s="477">
        <v>537</v>
      </c>
      <c r="O15" s="480"/>
    </row>
    <row r="16" spans="1:15" s="79" customFormat="1" ht="15" customHeight="1">
      <c r="A16" s="475"/>
      <c r="B16" s="481" t="s">
        <v>795</v>
      </c>
      <c r="C16" s="477">
        <v>13089</v>
      </c>
      <c r="D16" s="478">
        <v>6800</v>
      </c>
      <c r="E16" s="479">
        <v>6289</v>
      </c>
      <c r="F16" s="352">
        <v>1432</v>
      </c>
      <c r="G16" s="478">
        <v>751</v>
      </c>
      <c r="H16" s="478">
        <v>681</v>
      </c>
      <c r="I16" s="478">
        <v>10626</v>
      </c>
      <c r="J16" s="478">
        <v>5635</v>
      </c>
      <c r="K16" s="478">
        <v>4991</v>
      </c>
      <c r="L16" s="352">
        <v>1031</v>
      </c>
      <c r="M16" s="478">
        <v>414</v>
      </c>
      <c r="N16" s="477">
        <v>617</v>
      </c>
      <c r="O16" s="480"/>
    </row>
    <row r="17" spans="1:15" s="79" customFormat="1" ht="15" customHeight="1">
      <c r="A17" s="475"/>
      <c r="B17" s="481" t="s">
        <v>796</v>
      </c>
      <c r="C17" s="477">
        <v>10119</v>
      </c>
      <c r="D17" s="478">
        <v>5242</v>
      </c>
      <c r="E17" s="479">
        <v>4877</v>
      </c>
      <c r="F17" s="352">
        <v>1112</v>
      </c>
      <c r="G17" s="478">
        <v>558</v>
      </c>
      <c r="H17" s="478">
        <v>554</v>
      </c>
      <c r="I17" s="478">
        <v>8229</v>
      </c>
      <c r="J17" s="478">
        <v>4365</v>
      </c>
      <c r="K17" s="478">
        <v>3864</v>
      </c>
      <c r="L17" s="352">
        <v>778</v>
      </c>
      <c r="M17" s="478">
        <v>319</v>
      </c>
      <c r="N17" s="477">
        <v>459</v>
      </c>
      <c r="O17" s="480"/>
    </row>
    <row r="18" spans="1:15" s="79" customFormat="1" ht="15" customHeight="1">
      <c r="A18" s="475"/>
      <c r="B18" s="481" t="s">
        <v>797</v>
      </c>
      <c r="C18" s="477">
        <v>9784</v>
      </c>
      <c r="D18" s="478">
        <v>5059</v>
      </c>
      <c r="E18" s="479">
        <v>4725</v>
      </c>
      <c r="F18" s="352">
        <v>1002</v>
      </c>
      <c r="G18" s="478">
        <v>508</v>
      </c>
      <c r="H18" s="478">
        <v>494</v>
      </c>
      <c r="I18" s="478">
        <v>7933</v>
      </c>
      <c r="J18" s="478">
        <v>4187</v>
      </c>
      <c r="K18" s="478">
        <v>3746</v>
      </c>
      <c r="L18" s="352">
        <v>849</v>
      </c>
      <c r="M18" s="478">
        <v>364</v>
      </c>
      <c r="N18" s="477">
        <v>485</v>
      </c>
      <c r="O18" s="480"/>
    </row>
    <row r="19" spans="1:15" s="79" customFormat="1" ht="15" customHeight="1">
      <c r="A19" s="475"/>
      <c r="B19" s="481" t="s">
        <v>798</v>
      </c>
      <c r="C19" s="477">
        <v>9647</v>
      </c>
      <c r="D19" s="478">
        <v>4941</v>
      </c>
      <c r="E19" s="479">
        <v>4706</v>
      </c>
      <c r="F19" s="352">
        <v>1080</v>
      </c>
      <c r="G19" s="478">
        <v>580</v>
      </c>
      <c r="H19" s="478">
        <v>500</v>
      </c>
      <c r="I19" s="478">
        <v>7844</v>
      </c>
      <c r="J19" s="478">
        <v>4072</v>
      </c>
      <c r="K19" s="478">
        <v>3772</v>
      </c>
      <c r="L19" s="352">
        <v>723</v>
      </c>
      <c r="M19" s="478">
        <v>289</v>
      </c>
      <c r="N19" s="477">
        <v>434</v>
      </c>
      <c r="O19" s="480"/>
    </row>
    <row r="20" spans="1:15" s="79" customFormat="1" ht="15" customHeight="1">
      <c r="A20" s="475"/>
      <c r="B20" s="481" t="s">
        <v>799</v>
      </c>
      <c r="C20" s="477">
        <v>5414</v>
      </c>
      <c r="D20" s="478">
        <v>2766</v>
      </c>
      <c r="E20" s="479">
        <v>2648</v>
      </c>
      <c r="F20" s="352">
        <v>558</v>
      </c>
      <c r="G20" s="478">
        <v>294</v>
      </c>
      <c r="H20" s="478">
        <v>264</v>
      </c>
      <c r="I20" s="478">
        <v>4327</v>
      </c>
      <c r="J20" s="478">
        <v>2258</v>
      </c>
      <c r="K20" s="478">
        <v>2069</v>
      </c>
      <c r="L20" s="352">
        <v>529</v>
      </c>
      <c r="M20" s="478">
        <v>214</v>
      </c>
      <c r="N20" s="477">
        <v>315</v>
      </c>
      <c r="O20" s="480"/>
    </row>
    <row r="21" spans="1:15" s="79" customFormat="1" ht="15" customHeight="1">
      <c r="A21" s="475"/>
      <c r="B21" s="481" t="s">
        <v>800</v>
      </c>
      <c r="C21" s="477">
        <v>6379</v>
      </c>
      <c r="D21" s="478">
        <v>3371</v>
      </c>
      <c r="E21" s="479">
        <v>3008</v>
      </c>
      <c r="F21" s="352">
        <v>687</v>
      </c>
      <c r="G21" s="478">
        <v>345</v>
      </c>
      <c r="H21" s="478">
        <v>342</v>
      </c>
      <c r="I21" s="478">
        <v>5164</v>
      </c>
      <c r="J21" s="478">
        <v>2785</v>
      </c>
      <c r="K21" s="478">
        <v>2379</v>
      </c>
      <c r="L21" s="352">
        <v>528</v>
      </c>
      <c r="M21" s="478">
        <v>241</v>
      </c>
      <c r="N21" s="477">
        <v>287</v>
      </c>
      <c r="O21" s="480"/>
    </row>
    <row r="22" spans="1:15" s="79" customFormat="1" ht="15" customHeight="1">
      <c r="A22" s="475"/>
      <c r="B22" s="481" t="s">
        <v>801</v>
      </c>
      <c r="C22" s="477">
        <v>6513</v>
      </c>
      <c r="D22" s="478">
        <v>3295</v>
      </c>
      <c r="E22" s="479">
        <v>3218</v>
      </c>
      <c r="F22" s="352">
        <v>827</v>
      </c>
      <c r="G22" s="478">
        <v>423</v>
      </c>
      <c r="H22" s="478">
        <v>404</v>
      </c>
      <c r="I22" s="478">
        <v>5170</v>
      </c>
      <c r="J22" s="478">
        <v>2662</v>
      </c>
      <c r="K22" s="478">
        <v>2508</v>
      </c>
      <c r="L22" s="352">
        <v>516</v>
      </c>
      <c r="M22" s="478">
        <v>210</v>
      </c>
      <c r="N22" s="477">
        <v>306</v>
      </c>
      <c r="O22" s="480"/>
    </row>
    <row r="23" spans="1:15" s="79" customFormat="1" ht="15" customHeight="1">
      <c r="A23" s="475"/>
      <c r="B23" s="481" t="s">
        <v>802</v>
      </c>
      <c r="C23" s="477">
        <v>17549</v>
      </c>
      <c r="D23" s="478">
        <v>8778</v>
      </c>
      <c r="E23" s="479">
        <v>8771</v>
      </c>
      <c r="F23" s="352">
        <v>2334</v>
      </c>
      <c r="G23" s="478">
        <v>1182</v>
      </c>
      <c r="H23" s="478">
        <v>1152</v>
      </c>
      <c r="I23" s="478">
        <v>14123</v>
      </c>
      <c r="J23" s="478">
        <v>7166</v>
      </c>
      <c r="K23" s="478">
        <v>6957</v>
      </c>
      <c r="L23" s="352">
        <v>1092</v>
      </c>
      <c r="M23" s="478">
        <v>430</v>
      </c>
      <c r="N23" s="477">
        <v>662</v>
      </c>
      <c r="O23" s="480"/>
    </row>
    <row r="24" spans="1:15" s="79" customFormat="1" ht="15" customHeight="1">
      <c r="A24" s="475"/>
      <c r="B24" s="481" t="s">
        <v>803</v>
      </c>
      <c r="C24" s="477">
        <v>12647</v>
      </c>
      <c r="D24" s="478">
        <v>6470</v>
      </c>
      <c r="E24" s="479">
        <v>6177</v>
      </c>
      <c r="F24" s="352">
        <v>1975</v>
      </c>
      <c r="G24" s="478">
        <v>1009</v>
      </c>
      <c r="H24" s="478">
        <v>966</v>
      </c>
      <c r="I24" s="478">
        <v>9779</v>
      </c>
      <c r="J24" s="478">
        <v>5115</v>
      </c>
      <c r="K24" s="478">
        <v>4664</v>
      </c>
      <c r="L24" s="352">
        <v>893</v>
      </c>
      <c r="M24" s="478">
        <v>346</v>
      </c>
      <c r="N24" s="477">
        <v>547</v>
      </c>
      <c r="O24" s="480"/>
    </row>
    <row r="25" spans="1:15" s="474" customFormat="1" ht="17.25" customHeight="1">
      <c r="A25" s="1161" t="s">
        <v>804</v>
      </c>
      <c r="B25" s="1162"/>
      <c r="C25" s="469">
        <v>102481</v>
      </c>
      <c r="D25" s="470">
        <v>54388</v>
      </c>
      <c r="E25" s="471">
        <v>48093</v>
      </c>
      <c r="F25" s="472">
        <v>6823</v>
      </c>
      <c r="G25" s="470">
        <v>3423</v>
      </c>
      <c r="H25" s="472">
        <v>3400</v>
      </c>
      <c r="I25" s="470">
        <v>91029</v>
      </c>
      <c r="J25" s="470">
        <v>48979</v>
      </c>
      <c r="K25" s="471">
        <v>42050</v>
      </c>
      <c r="L25" s="472">
        <v>4629</v>
      </c>
      <c r="M25" s="470">
        <v>1986</v>
      </c>
      <c r="N25" s="472">
        <v>2643</v>
      </c>
      <c r="O25" s="473"/>
    </row>
    <row r="26" spans="1:15" s="79" customFormat="1" ht="15" customHeight="1">
      <c r="A26" s="475"/>
      <c r="B26" s="481" t="s">
        <v>805</v>
      </c>
      <c r="C26" s="477">
        <v>14603</v>
      </c>
      <c r="D26" s="478">
        <v>8707</v>
      </c>
      <c r="E26" s="479">
        <v>5896</v>
      </c>
      <c r="F26" s="352">
        <v>661</v>
      </c>
      <c r="G26" s="478">
        <v>322</v>
      </c>
      <c r="H26" s="478">
        <v>339</v>
      </c>
      <c r="I26" s="478">
        <v>13236</v>
      </c>
      <c r="J26" s="478">
        <v>8011</v>
      </c>
      <c r="K26" s="478">
        <v>5225</v>
      </c>
      <c r="L26" s="352">
        <v>706</v>
      </c>
      <c r="M26" s="478">
        <v>374</v>
      </c>
      <c r="N26" s="477">
        <v>332</v>
      </c>
      <c r="O26" s="480"/>
    </row>
    <row r="27" spans="1:15" s="79" customFormat="1" ht="15" customHeight="1">
      <c r="A27" s="475"/>
      <c r="B27" s="481" t="s">
        <v>806</v>
      </c>
      <c r="C27" s="477">
        <v>10638</v>
      </c>
      <c r="D27" s="478">
        <v>5786</v>
      </c>
      <c r="E27" s="479">
        <v>4852</v>
      </c>
      <c r="F27" s="352">
        <v>761</v>
      </c>
      <c r="G27" s="478">
        <v>369</v>
      </c>
      <c r="H27" s="478">
        <v>392</v>
      </c>
      <c r="I27" s="478">
        <v>9373</v>
      </c>
      <c r="J27" s="478">
        <v>5201</v>
      </c>
      <c r="K27" s="478">
        <v>4172</v>
      </c>
      <c r="L27" s="352">
        <v>504</v>
      </c>
      <c r="M27" s="478">
        <v>216</v>
      </c>
      <c r="N27" s="477">
        <v>288</v>
      </c>
      <c r="O27" s="480"/>
    </row>
    <row r="28" spans="1:15" s="79" customFormat="1" ht="15" customHeight="1">
      <c r="A28" s="475"/>
      <c r="B28" s="481" t="s">
        <v>807</v>
      </c>
      <c r="C28" s="477">
        <v>21013</v>
      </c>
      <c r="D28" s="478">
        <v>10970</v>
      </c>
      <c r="E28" s="479">
        <v>10043</v>
      </c>
      <c r="F28" s="352">
        <v>1132</v>
      </c>
      <c r="G28" s="478">
        <v>560</v>
      </c>
      <c r="H28" s="478">
        <v>572</v>
      </c>
      <c r="I28" s="478">
        <v>19233</v>
      </c>
      <c r="J28" s="478">
        <v>10117</v>
      </c>
      <c r="K28" s="478">
        <v>9116</v>
      </c>
      <c r="L28" s="352">
        <v>648</v>
      </c>
      <c r="M28" s="478">
        <v>293</v>
      </c>
      <c r="N28" s="477">
        <v>355</v>
      </c>
      <c r="O28" s="480"/>
    </row>
    <row r="29" spans="1:15" s="79" customFormat="1" ht="15" customHeight="1">
      <c r="A29" s="475"/>
      <c r="B29" s="481" t="s">
        <v>808</v>
      </c>
      <c r="C29" s="477">
        <v>16284</v>
      </c>
      <c r="D29" s="478">
        <v>8523</v>
      </c>
      <c r="E29" s="479">
        <v>7761</v>
      </c>
      <c r="F29" s="352">
        <v>1091</v>
      </c>
      <c r="G29" s="478">
        <v>538</v>
      </c>
      <c r="H29" s="478">
        <v>553</v>
      </c>
      <c r="I29" s="478">
        <v>14423</v>
      </c>
      <c r="J29" s="478">
        <v>7666</v>
      </c>
      <c r="K29" s="478">
        <v>6757</v>
      </c>
      <c r="L29" s="352">
        <v>770</v>
      </c>
      <c r="M29" s="478">
        <v>319</v>
      </c>
      <c r="N29" s="477">
        <v>451</v>
      </c>
      <c r="O29" s="480"/>
    </row>
    <row r="30" spans="1:15" s="79" customFormat="1" ht="15" customHeight="1">
      <c r="A30" s="475"/>
      <c r="B30" s="481" t="s">
        <v>809</v>
      </c>
      <c r="C30" s="477">
        <v>16361</v>
      </c>
      <c r="D30" s="478">
        <v>8577</v>
      </c>
      <c r="E30" s="479">
        <v>7784</v>
      </c>
      <c r="F30" s="352">
        <v>744</v>
      </c>
      <c r="G30" s="478">
        <v>382</v>
      </c>
      <c r="H30" s="478">
        <v>362</v>
      </c>
      <c r="I30" s="478">
        <v>15045</v>
      </c>
      <c r="J30" s="478">
        <v>7970</v>
      </c>
      <c r="K30" s="478">
        <v>7075</v>
      </c>
      <c r="L30" s="352">
        <v>572</v>
      </c>
      <c r="M30" s="478">
        <v>225</v>
      </c>
      <c r="N30" s="477">
        <v>347</v>
      </c>
      <c r="O30" s="480"/>
    </row>
    <row r="31" spans="1:15" s="79" customFormat="1" ht="15" customHeight="1">
      <c r="A31" s="475"/>
      <c r="B31" s="481" t="s">
        <v>810</v>
      </c>
      <c r="C31" s="477">
        <v>13772</v>
      </c>
      <c r="D31" s="478">
        <v>6989</v>
      </c>
      <c r="E31" s="479">
        <v>6783</v>
      </c>
      <c r="F31" s="352">
        <v>1452</v>
      </c>
      <c r="G31" s="478">
        <v>752</v>
      </c>
      <c r="H31" s="478">
        <v>700</v>
      </c>
      <c r="I31" s="478">
        <v>11450</v>
      </c>
      <c r="J31" s="478">
        <v>5892</v>
      </c>
      <c r="K31" s="478">
        <v>5558</v>
      </c>
      <c r="L31" s="352">
        <v>870</v>
      </c>
      <c r="M31" s="478">
        <v>345</v>
      </c>
      <c r="N31" s="477">
        <v>525</v>
      </c>
      <c r="O31" s="480"/>
    </row>
    <row r="32" spans="1:15" s="79" customFormat="1" ht="15" customHeight="1">
      <c r="A32" s="475"/>
      <c r="B32" s="481" t="s">
        <v>811</v>
      </c>
      <c r="C32" s="477">
        <v>9810</v>
      </c>
      <c r="D32" s="478">
        <v>4836</v>
      </c>
      <c r="E32" s="479">
        <v>4974</v>
      </c>
      <c r="F32" s="352">
        <v>982</v>
      </c>
      <c r="G32" s="478">
        <v>500</v>
      </c>
      <c r="H32" s="478">
        <v>482</v>
      </c>
      <c r="I32" s="478">
        <v>8269</v>
      </c>
      <c r="J32" s="478">
        <v>4122</v>
      </c>
      <c r="K32" s="478">
        <v>4147</v>
      </c>
      <c r="L32" s="352">
        <v>559</v>
      </c>
      <c r="M32" s="478">
        <v>214</v>
      </c>
      <c r="N32" s="477">
        <v>345</v>
      </c>
      <c r="O32" s="480"/>
    </row>
    <row r="33" spans="1:15" s="474" customFormat="1" ht="17.25" customHeight="1">
      <c r="A33" s="1159" t="s">
        <v>812</v>
      </c>
      <c r="B33" s="1160"/>
      <c r="C33" s="469">
        <v>26923</v>
      </c>
      <c r="D33" s="470">
        <v>15018</v>
      </c>
      <c r="E33" s="471">
        <v>11905</v>
      </c>
      <c r="F33" s="472">
        <v>2816</v>
      </c>
      <c r="G33" s="470">
        <v>1431</v>
      </c>
      <c r="H33" s="472">
        <v>1385</v>
      </c>
      <c r="I33" s="470">
        <v>22245</v>
      </c>
      <c r="J33" s="470">
        <v>12805</v>
      </c>
      <c r="K33" s="472">
        <v>9440</v>
      </c>
      <c r="L33" s="470">
        <v>1862</v>
      </c>
      <c r="M33" s="470">
        <v>782</v>
      </c>
      <c r="N33" s="472">
        <v>1080</v>
      </c>
      <c r="O33" s="473"/>
    </row>
    <row r="34" spans="1:15" s="79" customFormat="1" ht="15" customHeight="1">
      <c r="A34" s="475"/>
      <c r="B34" s="481" t="s">
        <v>813</v>
      </c>
      <c r="C34" s="477">
        <v>14118</v>
      </c>
      <c r="D34" s="478">
        <v>8760</v>
      </c>
      <c r="E34" s="479">
        <v>5358</v>
      </c>
      <c r="F34" s="352">
        <v>1220</v>
      </c>
      <c r="G34" s="478">
        <v>628</v>
      </c>
      <c r="H34" s="478">
        <v>592</v>
      </c>
      <c r="I34" s="478">
        <v>12121</v>
      </c>
      <c r="J34" s="478">
        <v>7786</v>
      </c>
      <c r="K34" s="478">
        <v>4335</v>
      </c>
      <c r="L34" s="352">
        <v>777</v>
      </c>
      <c r="M34" s="478">
        <v>346</v>
      </c>
      <c r="N34" s="477">
        <v>431</v>
      </c>
      <c r="O34" s="480"/>
    </row>
    <row r="35" spans="1:15" s="79" customFormat="1" ht="15" customHeight="1">
      <c r="A35" s="475"/>
      <c r="B35" s="481" t="s">
        <v>814</v>
      </c>
      <c r="C35" s="477">
        <v>7854</v>
      </c>
      <c r="D35" s="478">
        <v>3880</v>
      </c>
      <c r="E35" s="479">
        <v>3974</v>
      </c>
      <c r="F35" s="352">
        <v>922</v>
      </c>
      <c r="G35" s="478">
        <v>477</v>
      </c>
      <c r="H35" s="478">
        <v>445</v>
      </c>
      <c r="I35" s="478">
        <v>6351</v>
      </c>
      <c r="J35" s="478">
        <v>3164</v>
      </c>
      <c r="K35" s="478">
        <v>3187</v>
      </c>
      <c r="L35" s="352">
        <v>581</v>
      </c>
      <c r="M35" s="478">
        <v>239</v>
      </c>
      <c r="N35" s="477">
        <v>342</v>
      </c>
      <c r="O35" s="480"/>
    </row>
    <row r="36" spans="1:15" s="79" customFormat="1" ht="15" customHeight="1">
      <c r="A36" s="475"/>
      <c r="B36" s="481" t="s">
        <v>815</v>
      </c>
      <c r="C36" s="477">
        <v>2457</v>
      </c>
      <c r="D36" s="478">
        <v>1189</v>
      </c>
      <c r="E36" s="479">
        <v>1268</v>
      </c>
      <c r="F36" s="352">
        <v>297</v>
      </c>
      <c r="G36" s="478">
        <v>152</v>
      </c>
      <c r="H36" s="478">
        <v>145</v>
      </c>
      <c r="I36" s="478">
        <v>1979</v>
      </c>
      <c r="J36" s="478">
        <v>963</v>
      </c>
      <c r="K36" s="478">
        <v>1016</v>
      </c>
      <c r="L36" s="352">
        <v>181</v>
      </c>
      <c r="M36" s="478">
        <v>74</v>
      </c>
      <c r="N36" s="477">
        <v>107</v>
      </c>
      <c r="O36" s="480"/>
    </row>
    <row r="37" spans="1:15" s="79" customFormat="1" ht="15" customHeight="1">
      <c r="A37" s="475"/>
      <c r="B37" s="481" t="s">
        <v>816</v>
      </c>
      <c r="C37" s="477">
        <v>1164</v>
      </c>
      <c r="D37" s="478">
        <v>574</v>
      </c>
      <c r="E37" s="479">
        <v>590</v>
      </c>
      <c r="F37" s="352">
        <v>115</v>
      </c>
      <c r="G37" s="478">
        <v>51</v>
      </c>
      <c r="H37" s="478">
        <v>64</v>
      </c>
      <c r="I37" s="478">
        <v>874</v>
      </c>
      <c r="J37" s="478">
        <v>453</v>
      </c>
      <c r="K37" s="478">
        <v>421</v>
      </c>
      <c r="L37" s="352">
        <v>175</v>
      </c>
      <c r="M37" s="478">
        <v>70</v>
      </c>
      <c r="N37" s="477">
        <v>105</v>
      </c>
      <c r="O37" s="480"/>
    </row>
    <row r="38" spans="1:15" s="79" customFormat="1" ht="15" customHeight="1">
      <c r="A38" s="475"/>
      <c r="B38" s="481" t="s">
        <v>817</v>
      </c>
      <c r="C38" s="477">
        <v>1330</v>
      </c>
      <c r="D38" s="478">
        <v>615</v>
      </c>
      <c r="E38" s="479">
        <v>715</v>
      </c>
      <c r="F38" s="352">
        <v>262</v>
      </c>
      <c r="G38" s="478">
        <v>123</v>
      </c>
      <c r="H38" s="478">
        <v>139</v>
      </c>
      <c r="I38" s="478">
        <v>920</v>
      </c>
      <c r="J38" s="478">
        <v>439</v>
      </c>
      <c r="K38" s="478">
        <v>481</v>
      </c>
      <c r="L38" s="352">
        <v>148</v>
      </c>
      <c r="M38" s="478">
        <v>53</v>
      </c>
      <c r="N38" s="477">
        <v>95</v>
      </c>
      <c r="O38" s="480"/>
    </row>
    <row r="39" spans="1:15" s="474" customFormat="1" ht="17.25" customHeight="1">
      <c r="A39" s="1159" t="s">
        <v>857</v>
      </c>
      <c r="B39" s="1160"/>
      <c r="C39" s="469">
        <v>76182</v>
      </c>
      <c r="D39" s="470">
        <v>41156</v>
      </c>
      <c r="E39" s="471">
        <v>35026</v>
      </c>
      <c r="F39" s="472">
        <v>6669</v>
      </c>
      <c r="G39" s="470">
        <v>3434</v>
      </c>
      <c r="H39" s="472">
        <v>3235</v>
      </c>
      <c r="I39" s="470">
        <v>64352</v>
      </c>
      <c r="J39" s="470">
        <v>35502</v>
      </c>
      <c r="K39" s="471">
        <v>28850</v>
      </c>
      <c r="L39" s="472">
        <v>5161</v>
      </c>
      <c r="M39" s="470">
        <v>2220</v>
      </c>
      <c r="N39" s="472">
        <v>2941</v>
      </c>
      <c r="O39" s="473"/>
    </row>
    <row r="40" spans="1:15" s="474" customFormat="1" ht="15" customHeight="1">
      <c r="A40" s="1163" t="s">
        <v>819</v>
      </c>
      <c r="B40" s="1164"/>
      <c r="C40" s="477">
        <v>34124</v>
      </c>
      <c r="D40" s="478">
        <v>17855</v>
      </c>
      <c r="E40" s="479">
        <v>16269</v>
      </c>
      <c r="F40" s="352">
        <v>2783</v>
      </c>
      <c r="G40" s="478">
        <v>1401</v>
      </c>
      <c r="H40" s="478">
        <v>1382</v>
      </c>
      <c r="I40" s="478">
        <v>28698</v>
      </c>
      <c r="J40" s="478">
        <v>15303</v>
      </c>
      <c r="K40" s="478">
        <v>13395</v>
      </c>
      <c r="L40" s="352">
        <v>2643</v>
      </c>
      <c r="M40" s="478">
        <v>1151</v>
      </c>
      <c r="N40" s="477">
        <v>1492</v>
      </c>
      <c r="O40" s="482"/>
    </row>
    <row r="41" spans="1:15" s="474" customFormat="1" ht="15" customHeight="1">
      <c r="A41" s="483"/>
      <c r="B41" s="481" t="s">
        <v>820</v>
      </c>
      <c r="C41" s="477">
        <v>7108</v>
      </c>
      <c r="D41" s="478">
        <v>3791</v>
      </c>
      <c r="E41" s="479">
        <v>3317</v>
      </c>
      <c r="F41" s="352">
        <v>615</v>
      </c>
      <c r="G41" s="478">
        <v>303</v>
      </c>
      <c r="H41" s="478">
        <v>312</v>
      </c>
      <c r="I41" s="478">
        <v>5920</v>
      </c>
      <c r="J41" s="478">
        <v>3242</v>
      </c>
      <c r="K41" s="478">
        <v>2678</v>
      </c>
      <c r="L41" s="352">
        <v>573</v>
      </c>
      <c r="M41" s="478">
        <v>246</v>
      </c>
      <c r="N41" s="477">
        <v>327</v>
      </c>
      <c r="O41" s="482"/>
    </row>
    <row r="42" spans="1:15" s="474" customFormat="1" ht="15" customHeight="1">
      <c r="A42" s="483"/>
      <c r="B42" s="481" t="s">
        <v>821</v>
      </c>
      <c r="C42" s="477">
        <v>12063</v>
      </c>
      <c r="D42" s="478">
        <v>6375</v>
      </c>
      <c r="E42" s="479">
        <v>5688</v>
      </c>
      <c r="F42" s="352">
        <v>1010</v>
      </c>
      <c r="G42" s="478">
        <v>501</v>
      </c>
      <c r="H42" s="478">
        <v>509</v>
      </c>
      <c r="I42" s="478">
        <v>9977</v>
      </c>
      <c r="J42" s="478">
        <v>5392</v>
      </c>
      <c r="K42" s="478">
        <v>4585</v>
      </c>
      <c r="L42" s="352">
        <v>1076</v>
      </c>
      <c r="M42" s="478">
        <v>482</v>
      </c>
      <c r="N42" s="477">
        <v>594</v>
      </c>
      <c r="O42" s="482"/>
    </row>
    <row r="43" spans="1:15" s="474" customFormat="1" ht="15" customHeight="1">
      <c r="A43" s="483"/>
      <c r="B43" s="484" t="s">
        <v>822</v>
      </c>
      <c r="C43" s="487">
        <v>14953</v>
      </c>
      <c r="D43" s="486">
        <v>7689</v>
      </c>
      <c r="E43" s="491">
        <v>7264</v>
      </c>
      <c r="F43" s="485">
        <v>1158</v>
      </c>
      <c r="G43" s="486">
        <v>597</v>
      </c>
      <c r="H43" s="486">
        <v>561</v>
      </c>
      <c r="I43" s="486">
        <v>12801</v>
      </c>
      <c r="J43" s="486">
        <v>6669</v>
      </c>
      <c r="K43" s="486">
        <v>6132</v>
      </c>
      <c r="L43" s="485">
        <v>994</v>
      </c>
      <c r="M43" s="486">
        <v>423</v>
      </c>
      <c r="N43" s="487">
        <v>571</v>
      </c>
      <c r="O43" s="482"/>
    </row>
    <row r="44" spans="1:15" s="79" customFormat="1" ht="15" customHeight="1">
      <c r="A44" s="475"/>
      <c r="B44" s="481" t="s">
        <v>823</v>
      </c>
      <c r="C44" s="477">
        <v>10144</v>
      </c>
      <c r="D44" s="478">
        <v>6015</v>
      </c>
      <c r="E44" s="479">
        <v>4129</v>
      </c>
      <c r="F44" s="352">
        <v>825</v>
      </c>
      <c r="G44" s="478">
        <v>446</v>
      </c>
      <c r="H44" s="478">
        <v>379</v>
      </c>
      <c r="I44" s="478">
        <v>8711</v>
      </c>
      <c r="J44" s="478">
        <v>5301</v>
      </c>
      <c r="K44" s="478">
        <v>3410</v>
      </c>
      <c r="L44" s="352">
        <v>608</v>
      </c>
      <c r="M44" s="478">
        <v>268</v>
      </c>
      <c r="N44" s="477">
        <v>340</v>
      </c>
      <c r="O44" s="480"/>
    </row>
    <row r="45" spans="1:15" s="79" customFormat="1" ht="15" customHeight="1">
      <c r="A45" s="475"/>
      <c r="B45" s="481" t="s">
        <v>824</v>
      </c>
      <c r="C45" s="477">
        <v>13570</v>
      </c>
      <c r="D45" s="478">
        <v>7120</v>
      </c>
      <c r="E45" s="479">
        <v>6450</v>
      </c>
      <c r="F45" s="352">
        <v>1232</v>
      </c>
      <c r="G45" s="478">
        <v>623</v>
      </c>
      <c r="H45" s="478">
        <v>609</v>
      </c>
      <c r="I45" s="478">
        <v>11623</v>
      </c>
      <c r="J45" s="478">
        <v>6201</v>
      </c>
      <c r="K45" s="478">
        <v>5422</v>
      </c>
      <c r="L45" s="352">
        <v>715</v>
      </c>
      <c r="M45" s="478">
        <v>296</v>
      </c>
      <c r="N45" s="477">
        <v>419</v>
      </c>
      <c r="O45" s="480"/>
    </row>
    <row r="46" spans="1:15" s="79" customFormat="1" ht="15" customHeight="1">
      <c r="A46" s="475"/>
      <c r="B46" s="481" t="s">
        <v>825</v>
      </c>
      <c r="C46" s="477">
        <v>6699</v>
      </c>
      <c r="D46" s="478">
        <v>3657</v>
      </c>
      <c r="E46" s="479">
        <v>3042</v>
      </c>
      <c r="F46" s="352">
        <v>643</v>
      </c>
      <c r="G46" s="478">
        <v>344</v>
      </c>
      <c r="H46" s="478">
        <v>299</v>
      </c>
      <c r="I46" s="478">
        <v>5643</v>
      </c>
      <c r="J46" s="478">
        <v>3141</v>
      </c>
      <c r="K46" s="478">
        <v>2502</v>
      </c>
      <c r="L46" s="352">
        <v>413</v>
      </c>
      <c r="M46" s="478">
        <v>172</v>
      </c>
      <c r="N46" s="477">
        <v>241</v>
      </c>
      <c r="O46" s="480"/>
    </row>
    <row r="47" spans="1:15" s="79" customFormat="1" ht="15" customHeight="1">
      <c r="A47" s="475"/>
      <c r="B47" s="481" t="s">
        <v>826</v>
      </c>
      <c r="C47" s="477">
        <v>6224</v>
      </c>
      <c r="D47" s="478">
        <v>3334</v>
      </c>
      <c r="E47" s="479">
        <v>2890</v>
      </c>
      <c r="F47" s="352">
        <v>562</v>
      </c>
      <c r="G47" s="478">
        <v>291</v>
      </c>
      <c r="H47" s="478">
        <v>271</v>
      </c>
      <c r="I47" s="478">
        <v>5251</v>
      </c>
      <c r="J47" s="478">
        <v>2880</v>
      </c>
      <c r="K47" s="478">
        <v>2371</v>
      </c>
      <c r="L47" s="352">
        <v>411</v>
      </c>
      <c r="M47" s="478">
        <v>163</v>
      </c>
      <c r="N47" s="477">
        <v>248</v>
      </c>
      <c r="O47" s="480"/>
    </row>
    <row r="48" spans="1:15" s="79" customFormat="1" ht="15" customHeight="1">
      <c r="A48" s="475"/>
      <c r="B48" s="481" t="s">
        <v>827</v>
      </c>
      <c r="C48" s="477">
        <v>3688</v>
      </c>
      <c r="D48" s="478">
        <v>2160</v>
      </c>
      <c r="E48" s="479">
        <v>1528</v>
      </c>
      <c r="F48" s="352">
        <v>440</v>
      </c>
      <c r="G48" s="478">
        <v>234</v>
      </c>
      <c r="H48" s="478">
        <v>206</v>
      </c>
      <c r="I48" s="478">
        <v>2999</v>
      </c>
      <c r="J48" s="478">
        <v>1817</v>
      </c>
      <c r="K48" s="478">
        <v>1182</v>
      </c>
      <c r="L48" s="352">
        <v>249</v>
      </c>
      <c r="M48" s="478">
        <v>109</v>
      </c>
      <c r="N48" s="477">
        <v>140</v>
      </c>
      <c r="O48" s="480"/>
    </row>
    <row r="49" spans="1:15" s="79" customFormat="1" ht="15" customHeight="1">
      <c r="A49" s="475"/>
      <c r="B49" s="481" t="s">
        <v>828</v>
      </c>
      <c r="C49" s="477">
        <v>1632</v>
      </c>
      <c r="D49" s="478">
        <v>961</v>
      </c>
      <c r="E49" s="479">
        <v>671</v>
      </c>
      <c r="F49" s="352">
        <v>169</v>
      </c>
      <c r="G49" s="478">
        <v>85</v>
      </c>
      <c r="H49" s="478">
        <v>84</v>
      </c>
      <c r="I49" s="478">
        <v>1345</v>
      </c>
      <c r="J49" s="478">
        <v>817</v>
      </c>
      <c r="K49" s="478">
        <v>528</v>
      </c>
      <c r="L49" s="352">
        <v>118</v>
      </c>
      <c r="M49" s="478">
        <v>59</v>
      </c>
      <c r="N49" s="477">
        <v>59</v>
      </c>
      <c r="O49" s="480"/>
    </row>
    <row r="50" spans="1:15" s="79" customFormat="1" ht="15" customHeight="1">
      <c r="A50" s="475"/>
      <c r="B50" s="481" t="s">
        <v>300</v>
      </c>
      <c r="C50" s="477">
        <v>101</v>
      </c>
      <c r="D50" s="478">
        <v>54</v>
      </c>
      <c r="E50" s="479">
        <v>47</v>
      </c>
      <c r="F50" s="352">
        <v>15</v>
      </c>
      <c r="G50" s="478">
        <v>10</v>
      </c>
      <c r="H50" s="478">
        <v>5</v>
      </c>
      <c r="I50" s="478">
        <v>82</v>
      </c>
      <c r="J50" s="478">
        <v>42</v>
      </c>
      <c r="K50" s="478">
        <v>40</v>
      </c>
      <c r="L50" s="352">
        <v>4</v>
      </c>
      <c r="M50" s="478">
        <v>2</v>
      </c>
      <c r="N50" s="477">
        <v>2</v>
      </c>
      <c r="O50" s="480"/>
    </row>
    <row r="51" spans="1:15" s="474" customFormat="1" ht="17.25" customHeight="1">
      <c r="A51" s="1159" t="s">
        <v>858</v>
      </c>
      <c r="B51" s="1160"/>
      <c r="C51" s="469">
        <v>55167</v>
      </c>
      <c r="D51" s="470">
        <v>29472</v>
      </c>
      <c r="E51" s="471">
        <v>25695</v>
      </c>
      <c r="F51" s="472">
        <v>5801</v>
      </c>
      <c r="G51" s="470">
        <v>2955</v>
      </c>
      <c r="H51" s="472">
        <v>2846</v>
      </c>
      <c r="I51" s="470">
        <v>45366</v>
      </c>
      <c r="J51" s="470">
        <v>24881</v>
      </c>
      <c r="K51" s="472">
        <v>20485</v>
      </c>
      <c r="L51" s="470">
        <v>4000</v>
      </c>
      <c r="M51" s="470">
        <v>1636</v>
      </c>
      <c r="N51" s="472">
        <v>2364</v>
      </c>
      <c r="O51" s="473"/>
    </row>
    <row r="52" spans="1:15" s="79" customFormat="1" ht="15" customHeight="1">
      <c r="A52" s="475"/>
      <c r="B52" s="481" t="s">
        <v>830</v>
      </c>
      <c r="C52" s="477">
        <v>8918</v>
      </c>
      <c r="D52" s="478">
        <v>4825</v>
      </c>
      <c r="E52" s="479">
        <v>4093</v>
      </c>
      <c r="F52" s="352">
        <v>868</v>
      </c>
      <c r="G52" s="478">
        <v>427</v>
      </c>
      <c r="H52" s="478">
        <v>441</v>
      </c>
      <c r="I52" s="478">
        <v>7364</v>
      </c>
      <c r="J52" s="478">
        <v>4130</v>
      </c>
      <c r="K52" s="478">
        <v>3234</v>
      </c>
      <c r="L52" s="352">
        <v>686</v>
      </c>
      <c r="M52" s="478">
        <v>268</v>
      </c>
      <c r="N52" s="477">
        <v>418</v>
      </c>
      <c r="O52" s="488"/>
    </row>
    <row r="53" spans="1:15" s="79" customFormat="1" ht="15" customHeight="1">
      <c r="A53" s="475"/>
      <c r="B53" s="481" t="s">
        <v>292</v>
      </c>
      <c r="C53" s="477">
        <v>21470</v>
      </c>
      <c r="D53" s="478">
        <v>11448</v>
      </c>
      <c r="E53" s="479">
        <v>10022</v>
      </c>
      <c r="F53" s="352">
        <v>2297</v>
      </c>
      <c r="G53" s="478">
        <v>1200</v>
      </c>
      <c r="H53" s="478">
        <v>1097</v>
      </c>
      <c r="I53" s="478">
        <v>17830</v>
      </c>
      <c r="J53" s="478">
        <v>9697</v>
      </c>
      <c r="K53" s="478">
        <v>8133</v>
      </c>
      <c r="L53" s="352">
        <v>1343</v>
      </c>
      <c r="M53" s="478">
        <v>551</v>
      </c>
      <c r="N53" s="477">
        <v>792</v>
      </c>
      <c r="O53" s="488"/>
    </row>
    <row r="54" spans="1:15" s="79" customFormat="1" ht="15" customHeight="1">
      <c r="A54" s="475"/>
      <c r="B54" s="481" t="s">
        <v>831</v>
      </c>
      <c r="C54" s="477">
        <v>10146</v>
      </c>
      <c r="D54" s="478">
        <v>5082</v>
      </c>
      <c r="E54" s="479">
        <v>5064</v>
      </c>
      <c r="F54" s="352">
        <v>1217</v>
      </c>
      <c r="G54" s="478">
        <v>587</v>
      </c>
      <c r="H54" s="478">
        <v>630</v>
      </c>
      <c r="I54" s="478">
        <v>8203</v>
      </c>
      <c r="J54" s="478">
        <v>4227</v>
      </c>
      <c r="K54" s="478">
        <v>3976</v>
      </c>
      <c r="L54" s="352">
        <v>726</v>
      </c>
      <c r="M54" s="478">
        <v>268</v>
      </c>
      <c r="N54" s="477">
        <v>458</v>
      </c>
      <c r="O54" s="488"/>
    </row>
    <row r="55" spans="1:15" s="79" customFormat="1" ht="15" customHeight="1">
      <c r="A55" s="475"/>
      <c r="B55" s="481" t="s">
        <v>832</v>
      </c>
      <c r="C55" s="477">
        <v>5821</v>
      </c>
      <c r="D55" s="478">
        <v>3233</v>
      </c>
      <c r="E55" s="479">
        <v>2588</v>
      </c>
      <c r="F55" s="352">
        <v>529</v>
      </c>
      <c r="G55" s="478">
        <v>267</v>
      </c>
      <c r="H55" s="478">
        <v>262</v>
      </c>
      <c r="I55" s="478">
        <v>4748</v>
      </c>
      <c r="J55" s="478">
        <v>2729</v>
      </c>
      <c r="K55" s="478">
        <v>2019</v>
      </c>
      <c r="L55" s="352">
        <v>544</v>
      </c>
      <c r="M55" s="478">
        <v>237</v>
      </c>
      <c r="N55" s="477">
        <v>307</v>
      </c>
      <c r="O55" s="488"/>
    </row>
    <row r="56" spans="1:15" s="79" customFormat="1" ht="15" customHeight="1">
      <c r="A56" s="475"/>
      <c r="B56" s="481" t="s">
        <v>833</v>
      </c>
      <c r="C56" s="477">
        <v>4463</v>
      </c>
      <c r="D56" s="478">
        <v>2510</v>
      </c>
      <c r="E56" s="479">
        <v>1953</v>
      </c>
      <c r="F56" s="352">
        <v>322</v>
      </c>
      <c r="G56" s="478">
        <v>162</v>
      </c>
      <c r="H56" s="478">
        <v>160</v>
      </c>
      <c r="I56" s="478">
        <v>3834</v>
      </c>
      <c r="J56" s="478">
        <v>2205</v>
      </c>
      <c r="K56" s="478">
        <v>1629</v>
      </c>
      <c r="L56" s="352">
        <v>307</v>
      </c>
      <c r="M56" s="478">
        <v>143</v>
      </c>
      <c r="N56" s="477">
        <v>164</v>
      </c>
      <c r="O56" s="488"/>
    </row>
    <row r="57" spans="1:15" s="79" customFormat="1" ht="15" customHeight="1">
      <c r="A57" s="475"/>
      <c r="B57" s="481" t="s">
        <v>834</v>
      </c>
      <c r="C57" s="477">
        <v>2115</v>
      </c>
      <c r="D57" s="478">
        <v>1210</v>
      </c>
      <c r="E57" s="479">
        <v>905</v>
      </c>
      <c r="F57" s="352">
        <v>251</v>
      </c>
      <c r="G57" s="478">
        <v>140</v>
      </c>
      <c r="H57" s="478">
        <v>111</v>
      </c>
      <c r="I57" s="478">
        <v>1708</v>
      </c>
      <c r="J57" s="478">
        <v>1000</v>
      </c>
      <c r="K57" s="478">
        <v>708</v>
      </c>
      <c r="L57" s="352">
        <v>156</v>
      </c>
      <c r="M57" s="478">
        <v>70</v>
      </c>
      <c r="N57" s="477">
        <v>86</v>
      </c>
      <c r="O57" s="488"/>
    </row>
    <row r="58" spans="1:15" s="79" customFormat="1" ht="15" customHeight="1">
      <c r="A58" s="475"/>
      <c r="B58" s="481" t="s">
        <v>835</v>
      </c>
      <c r="C58" s="477">
        <v>1132</v>
      </c>
      <c r="D58" s="478">
        <v>591</v>
      </c>
      <c r="E58" s="479">
        <v>541</v>
      </c>
      <c r="F58" s="352">
        <v>155</v>
      </c>
      <c r="G58" s="478">
        <v>82</v>
      </c>
      <c r="H58" s="478">
        <v>73</v>
      </c>
      <c r="I58" s="478">
        <v>849</v>
      </c>
      <c r="J58" s="478">
        <v>452</v>
      </c>
      <c r="K58" s="478">
        <v>397</v>
      </c>
      <c r="L58" s="352">
        <v>128</v>
      </c>
      <c r="M58" s="478">
        <v>57</v>
      </c>
      <c r="N58" s="477">
        <v>71</v>
      </c>
      <c r="O58" s="488"/>
    </row>
    <row r="59" spans="1:15" s="79" customFormat="1" ht="15" customHeight="1">
      <c r="A59" s="475"/>
      <c r="B59" s="481" t="s">
        <v>836</v>
      </c>
      <c r="C59" s="477">
        <v>1102</v>
      </c>
      <c r="D59" s="478">
        <v>573</v>
      </c>
      <c r="E59" s="479">
        <v>529</v>
      </c>
      <c r="F59" s="352">
        <v>162</v>
      </c>
      <c r="G59" s="478">
        <v>90</v>
      </c>
      <c r="H59" s="478">
        <v>72</v>
      </c>
      <c r="I59" s="478">
        <v>830</v>
      </c>
      <c r="J59" s="478">
        <v>441</v>
      </c>
      <c r="K59" s="478">
        <v>389</v>
      </c>
      <c r="L59" s="352">
        <v>110</v>
      </c>
      <c r="M59" s="478">
        <v>42</v>
      </c>
      <c r="N59" s="477">
        <v>68</v>
      </c>
      <c r="O59" s="488"/>
    </row>
    <row r="60" spans="1:15" s="474" customFormat="1" ht="17.25" customHeight="1">
      <c r="A60" s="1159" t="s">
        <v>859</v>
      </c>
      <c r="B60" s="1160"/>
      <c r="C60" s="469">
        <v>12862</v>
      </c>
      <c r="D60" s="470">
        <v>6554</v>
      </c>
      <c r="E60" s="471">
        <v>6308</v>
      </c>
      <c r="F60" s="472">
        <v>1196</v>
      </c>
      <c r="G60" s="470">
        <v>597</v>
      </c>
      <c r="H60" s="470">
        <v>599</v>
      </c>
      <c r="I60" s="470">
        <v>10324</v>
      </c>
      <c r="J60" s="470">
        <v>5354</v>
      </c>
      <c r="K60" s="470">
        <v>4970</v>
      </c>
      <c r="L60" s="472">
        <v>1342</v>
      </c>
      <c r="M60" s="470">
        <v>603</v>
      </c>
      <c r="N60" s="469">
        <v>739</v>
      </c>
      <c r="O60" s="473"/>
    </row>
    <row r="61" spans="1:15" s="79" customFormat="1" ht="15" customHeight="1">
      <c r="A61" s="475"/>
      <c r="B61" s="481" t="s">
        <v>838</v>
      </c>
      <c r="C61" s="477">
        <v>6942</v>
      </c>
      <c r="D61" s="478">
        <v>3627</v>
      </c>
      <c r="E61" s="479">
        <v>3315</v>
      </c>
      <c r="F61" s="352">
        <v>604</v>
      </c>
      <c r="G61" s="478">
        <v>303</v>
      </c>
      <c r="H61" s="478">
        <v>301</v>
      </c>
      <c r="I61" s="478">
        <v>5719</v>
      </c>
      <c r="J61" s="478">
        <v>3054</v>
      </c>
      <c r="K61" s="478">
        <v>2665</v>
      </c>
      <c r="L61" s="352">
        <v>619</v>
      </c>
      <c r="M61" s="478">
        <v>270</v>
      </c>
      <c r="N61" s="477">
        <v>349</v>
      </c>
      <c r="O61" s="480"/>
    </row>
    <row r="62" spans="1:15" s="79" customFormat="1" ht="15" customHeight="1">
      <c r="A62" s="475"/>
      <c r="B62" s="481" t="s">
        <v>839</v>
      </c>
      <c r="C62" s="477">
        <v>1322</v>
      </c>
      <c r="D62" s="478">
        <v>694</v>
      </c>
      <c r="E62" s="479">
        <v>628</v>
      </c>
      <c r="F62" s="352">
        <v>172</v>
      </c>
      <c r="G62" s="478">
        <v>75</v>
      </c>
      <c r="H62" s="478">
        <v>97</v>
      </c>
      <c r="I62" s="478">
        <v>1014</v>
      </c>
      <c r="J62" s="478">
        <v>558</v>
      </c>
      <c r="K62" s="478">
        <v>456</v>
      </c>
      <c r="L62" s="352">
        <v>136</v>
      </c>
      <c r="M62" s="478">
        <v>61</v>
      </c>
      <c r="N62" s="477">
        <v>75</v>
      </c>
      <c r="O62" s="480"/>
    </row>
    <row r="63" spans="1:15" s="79" customFormat="1" ht="15" customHeight="1">
      <c r="A63" s="475"/>
      <c r="B63" s="481" t="s">
        <v>840</v>
      </c>
      <c r="C63" s="477">
        <v>237</v>
      </c>
      <c r="D63" s="478">
        <v>130</v>
      </c>
      <c r="E63" s="479">
        <v>107</v>
      </c>
      <c r="F63" s="352">
        <v>29</v>
      </c>
      <c r="G63" s="478">
        <v>17</v>
      </c>
      <c r="H63" s="478">
        <v>12</v>
      </c>
      <c r="I63" s="478">
        <v>187</v>
      </c>
      <c r="J63" s="478">
        <v>103</v>
      </c>
      <c r="K63" s="478">
        <v>84</v>
      </c>
      <c r="L63" s="352">
        <v>21</v>
      </c>
      <c r="M63" s="478">
        <v>10</v>
      </c>
      <c r="N63" s="477">
        <v>11</v>
      </c>
      <c r="O63" s="480"/>
    </row>
    <row r="64" spans="1:15" s="79" customFormat="1" ht="15" customHeight="1">
      <c r="A64" s="475"/>
      <c r="B64" s="481" t="s">
        <v>841</v>
      </c>
      <c r="C64" s="477">
        <v>687</v>
      </c>
      <c r="D64" s="478">
        <v>347</v>
      </c>
      <c r="E64" s="479">
        <v>340</v>
      </c>
      <c r="F64" s="352">
        <v>110</v>
      </c>
      <c r="G64" s="478">
        <v>55</v>
      </c>
      <c r="H64" s="478">
        <v>55</v>
      </c>
      <c r="I64" s="478">
        <v>518</v>
      </c>
      <c r="J64" s="478">
        <v>260</v>
      </c>
      <c r="K64" s="478">
        <v>258</v>
      </c>
      <c r="L64" s="352">
        <v>59</v>
      </c>
      <c r="M64" s="478">
        <v>32</v>
      </c>
      <c r="N64" s="477">
        <v>27</v>
      </c>
      <c r="O64" s="480"/>
    </row>
    <row r="65" spans="1:17" s="79" customFormat="1" ht="15" customHeight="1">
      <c r="A65" s="475"/>
      <c r="B65" s="481" t="s">
        <v>842</v>
      </c>
      <c r="C65" s="477">
        <v>458</v>
      </c>
      <c r="D65" s="478">
        <v>172</v>
      </c>
      <c r="E65" s="479">
        <v>286</v>
      </c>
      <c r="F65" s="352">
        <v>27</v>
      </c>
      <c r="G65" s="478">
        <v>15</v>
      </c>
      <c r="H65" s="478">
        <v>12</v>
      </c>
      <c r="I65" s="478">
        <v>399</v>
      </c>
      <c r="J65" s="478">
        <v>146</v>
      </c>
      <c r="K65" s="478">
        <v>253</v>
      </c>
      <c r="L65" s="352">
        <v>32</v>
      </c>
      <c r="M65" s="478">
        <v>11</v>
      </c>
      <c r="N65" s="477">
        <v>21</v>
      </c>
      <c r="O65" s="480"/>
    </row>
    <row r="66" spans="1:17" s="79" customFormat="1" ht="15" customHeight="1">
      <c r="A66" s="475"/>
      <c r="B66" s="481" t="s">
        <v>293</v>
      </c>
      <c r="C66" s="477">
        <v>224</v>
      </c>
      <c r="D66" s="478">
        <v>123</v>
      </c>
      <c r="E66" s="479">
        <v>101</v>
      </c>
      <c r="F66" s="352">
        <v>26</v>
      </c>
      <c r="G66" s="478">
        <v>11</v>
      </c>
      <c r="H66" s="478">
        <v>15</v>
      </c>
      <c r="I66" s="478">
        <v>171</v>
      </c>
      <c r="J66" s="478">
        <v>100</v>
      </c>
      <c r="K66" s="478">
        <v>71</v>
      </c>
      <c r="L66" s="352">
        <v>27</v>
      </c>
      <c r="M66" s="478">
        <v>12</v>
      </c>
      <c r="N66" s="477">
        <v>15</v>
      </c>
      <c r="O66" s="480"/>
    </row>
    <row r="67" spans="1:17" s="79" customFormat="1" ht="15" customHeight="1">
      <c r="A67" s="475"/>
      <c r="B67" s="481" t="s">
        <v>286</v>
      </c>
      <c r="C67" s="477">
        <v>744</v>
      </c>
      <c r="D67" s="478">
        <v>373</v>
      </c>
      <c r="E67" s="479">
        <v>371</v>
      </c>
      <c r="F67" s="352">
        <v>111</v>
      </c>
      <c r="G67" s="478">
        <v>54</v>
      </c>
      <c r="H67" s="478">
        <v>57</v>
      </c>
      <c r="I67" s="478">
        <v>571</v>
      </c>
      <c r="J67" s="478">
        <v>295</v>
      </c>
      <c r="K67" s="478">
        <v>276</v>
      </c>
      <c r="L67" s="352">
        <v>62</v>
      </c>
      <c r="M67" s="478">
        <v>24</v>
      </c>
      <c r="N67" s="477">
        <v>38</v>
      </c>
      <c r="O67" s="480"/>
    </row>
    <row r="68" spans="1:17" s="79" customFormat="1" ht="15" customHeight="1">
      <c r="A68" s="475"/>
      <c r="B68" s="481" t="s">
        <v>285</v>
      </c>
      <c r="C68" s="477">
        <v>1020</v>
      </c>
      <c r="D68" s="478">
        <v>491</v>
      </c>
      <c r="E68" s="479">
        <v>529</v>
      </c>
      <c r="F68" s="352">
        <v>33</v>
      </c>
      <c r="G68" s="478">
        <v>17</v>
      </c>
      <c r="H68" s="478">
        <v>16</v>
      </c>
      <c r="I68" s="478">
        <v>890</v>
      </c>
      <c r="J68" s="478">
        <v>435</v>
      </c>
      <c r="K68" s="478">
        <v>455</v>
      </c>
      <c r="L68" s="352">
        <v>97</v>
      </c>
      <c r="M68" s="478">
        <v>39</v>
      </c>
      <c r="N68" s="477">
        <v>58</v>
      </c>
      <c r="O68" s="488"/>
      <c r="Q68" s="117"/>
    </row>
    <row r="69" spans="1:17" s="79" customFormat="1" ht="15" customHeight="1">
      <c r="A69" s="475"/>
      <c r="B69" s="481" t="s">
        <v>287</v>
      </c>
      <c r="C69" s="477">
        <v>191</v>
      </c>
      <c r="D69" s="478">
        <v>86</v>
      </c>
      <c r="E69" s="479">
        <v>105</v>
      </c>
      <c r="F69" s="352">
        <v>14</v>
      </c>
      <c r="G69" s="478">
        <v>8</v>
      </c>
      <c r="H69" s="478">
        <v>6</v>
      </c>
      <c r="I69" s="478">
        <v>139</v>
      </c>
      <c r="J69" s="478">
        <v>65</v>
      </c>
      <c r="K69" s="478">
        <v>74</v>
      </c>
      <c r="L69" s="352">
        <v>38</v>
      </c>
      <c r="M69" s="478">
        <v>13</v>
      </c>
      <c r="N69" s="477">
        <v>25</v>
      </c>
      <c r="O69" s="488"/>
    </row>
    <row r="70" spans="1:17" s="79" customFormat="1" ht="15" customHeight="1">
      <c r="A70" s="475"/>
      <c r="B70" s="481" t="s">
        <v>289</v>
      </c>
      <c r="C70" s="477">
        <v>1037</v>
      </c>
      <c r="D70" s="478">
        <v>511</v>
      </c>
      <c r="E70" s="479">
        <v>526</v>
      </c>
      <c r="F70" s="352">
        <v>70</v>
      </c>
      <c r="G70" s="478">
        <v>42</v>
      </c>
      <c r="H70" s="478">
        <v>28</v>
      </c>
      <c r="I70" s="478">
        <v>716</v>
      </c>
      <c r="J70" s="478">
        <v>338</v>
      </c>
      <c r="K70" s="478">
        <v>378</v>
      </c>
      <c r="L70" s="352">
        <v>251</v>
      </c>
      <c r="M70" s="478">
        <v>131</v>
      </c>
      <c r="N70" s="477">
        <v>120</v>
      </c>
      <c r="O70" s="488"/>
    </row>
    <row r="71" spans="1:17" s="79" customFormat="1" ht="11.25" customHeight="1" thickBot="1">
      <c r="A71" s="489"/>
      <c r="B71" s="490"/>
      <c r="C71" s="353"/>
      <c r="D71" s="354"/>
      <c r="E71" s="355"/>
      <c r="F71" s="356"/>
      <c r="G71" s="354"/>
      <c r="H71" s="354"/>
      <c r="I71" s="354"/>
      <c r="J71" s="354"/>
      <c r="K71" s="355"/>
      <c r="L71" s="356"/>
      <c r="M71" s="354"/>
      <c r="N71" s="353"/>
      <c r="O71" s="117"/>
    </row>
    <row r="72" spans="1:17" ht="9" customHeight="1" thickTop="1"/>
    <row r="73" spans="1:17" s="492" customFormat="1" ht="15" customHeight="1">
      <c r="B73" s="349" t="s">
        <v>860</v>
      </c>
    </row>
  </sheetData>
  <mergeCells count="12">
    <mergeCell ref="A60:B60"/>
    <mergeCell ref="A6:B6"/>
    <mergeCell ref="A25:B25"/>
    <mergeCell ref="A33:B33"/>
    <mergeCell ref="A39:B39"/>
    <mergeCell ref="A40:B40"/>
    <mergeCell ref="A51:B51"/>
    <mergeCell ref="A3:B4"/>
    <mergeCell ref="C3:E3"/>
    <mergeCell ref="F3:H3"/>
    <mergeCell ref="I3:K3"/>
    <mergeCell ref="L3:N3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73"/>
  <sheetViews>
    <sheetView zoomScale="80" zoomScaleNormal="80" workbookViewId="0"/>
  </sheetViews>
  <sheetFormatPr defaultRowHeight="13.5"/>
  <cols>
    <col min="1" max="1" width="2.25" style="153" customWidth="1"/>
    <col min="2" max="2" width="13.25" style="153" customWidth="1"/>
    <col min="3" max="14" width="8.75" style="153" customWidth="1"/>
    <col min="15" max="16384" width="9" style="153"/>
  </cols>
  <sheetData>
    <row r="1" spans="1:17" ht="17.25">
      <c r="A1" s="460" t="s">
        <v>861</v>
      </c>
    </row>
    <row r="2" spans="1:17" s="80" customFormat="1" ht="24.75" customHeight="1" thickBot="1">
      <c r="A2" s="461" t="s">
        <v>862</v>
      </c>
      <c r="B2" s="117"/>
      <c r="C2" s="117"/>
      <c r="D2" s="117"/>
      <c r="E2" s="117"/>
      <c r="F2" s="117"/>
      <c r="G2" s="117"/>
      <c r="H2" s="117"/>
      <c r="I2" s="117"/>
      <c r="J2" s="117"/>
      <c r="K2" s="117"/>
      <c r="M2" s="117" t="s">
        <v>950</v>
      </c>
      <c r="N2" s="79"/>
    </row>
    <row r="3" spans="1:17" s="79" customFormat="1" ht="15" customHeight="1" thickTop="1">
      <c r="A3" s="1149" t="s">
        <v>779</v>
      </c>
      <c r="B3" s="1150"/>
      <c r="C3" s="1153" t="s">
        <v>846</v>
      </c>
      <c r="D3" s="1154"/>
      <c r="E3" s="1155"/>
      <c r="F3" s="1156" t="s">
        <v>847</v>
      </c>
      <c r="G3" s="1157"/>
      <c r="H3" s="1158"/>
      <c r="I3" s="1156" t="s">
        <v>326</v>
      </c>
      <c r="J3" s="1157"/>
      <c r="K3" s="1158"/>
      <c r="L3" s="1156" t="s">
        <v>327</v>
      </c>
      <c r="M3" s="1157"/>
      <c r="N3" s="1157"/>
    </row>
    <row r="4" spans="1:17" s="79" customFormat="1" ht="15" customHeight="1">
      <c r="A4" s="1151"/>
      <c r="B4" s="1152"/>
      <c r="C4" s="462" t="s">
        <v>191</v>
      </c>
      <c r="D4" s="462" t="s">
        <v>508</v>
      </c>
      <c r="E4" s="463" t="s">
        <v>509</v>
      </c>
      <c r="F4" s="464" t="s">
        <v>191</v>
      </c>
      <c r="G4" s="462" t="s">
        <v>508</v>
      </c>
      <c r="H4" s="462" t="s">
        <v>509</v>
      </c>
      <c r="I4" s="465" t="s">
        <v>191</v>
      </c>
      <c r="J4" s="465" t="s">
        <v>508</v>
      </c>
      <c r="K4" s="466" t="s">
        <v>509</v>
      </c>
      <c r="L4" s="464" t="s">
        <v>191</v>
      </c>
      <c r="M4" s="462" t="s">
        <v>508</v>
      </c>
      <c r="N4" s="462" t="s">
        <v>509</v>
      </c>
    </row>
    <row r="5" spans="1:17" s="474" customFormat="1" ht="17.25" customHeight="1">
      <c r="A5" s="467"/>
      <c r="B5" s="468" t="s">
        <v>784</v>
      </c>
      <c r="C5" s="469">
        <v>463535</v>
      </c>
      <c r="D5" s="470">
        <v>249297</v>
      </c>
      <c r="E5" s="471">
        <v>214238</v>
      </c>
      <c r="F5" s="472">
        <v>42646</v>
      </c>
      <c r="G5" s="470">
        <v>21895</v>
      </c>
      <c r="H5" s="470">
        <v>20751</v>
      </c>
      <c r="I5" s="470">
        <v>390836</v>
      </c>
      <c r="J5" s="470">
        <v>213827</v>
      </c>
      <c r="K5" s="470">
        <v>177009</v>
      </c>
      <c r="L5" s="472">
        <v>30052</v>
      </c>
      <c r="M5" s="470">
        <v>13574</v>
      </c>
      <c r="N5" s="472">
        <v>16478</v>
      </c>
      <c r="O5" s="473"/>
    </row>
    <row r="6" spans="1:17" s="474" customFormat="1" ht="17.25" customHeight="1">
      <c r="A6" s="1161" t="s">
        <v>785</v>
      </c>
      <c r="B6" s="1162"/>
      <c r="C6" s="469">
        <v>207543</v>
      </c>
      <c r="D6" s="470">
        <v>110437</v>
      </c>
      <c r="E6" s="471">
        <v>97106</v>
      </c>
      <c r="F6" s="472">
        <v>19710</v>
      </c>
      <c r="G6" s="470">
        <v>10054</v>
      </c>
      <c r="H6" s="470">
        <v>9656</v>
      </c>
      <c r="I6" s="470">
        <v>173663</v>
      </c>
      <c r="J6" s="470">
        <v>93930</v>
      </c>
      <c r="K6" s="471">
        <v>79733</v>
      </c>
      <c r="L6" s="472">
        <v>14170</v>
      </c>
      <c r="M6" s="470">
        <v>6453</v>
      </c>
      <c r="N6" s="472">
        <v>7717</v>
      </c>
      <c r="O6" s="473"/>
    </row>
    <row r="7" spans="1:17" s="79" customFormat="1" ht="15" customHeight="1">
      <c r="A7" s="475"/>
      <c r="B7" s="476" t="s">
        <v>786</v>
      </c>
      <c r="C7" s="477">
        <v>18183</v>
      </c>
      <c r="D7" s="478">
        <v>10096</v>
      </c>
      <c r="E7" s="479">
        <v>8087</v>
      </c>
      <c r="F7" s="352">
        <v>1562</v>
      </c>
      <c r="G7" s="478">
        <v>769</v>
      </c>
      <c r="H7" s="478">
        <v>793</v>
      </c>
      <c r="I7" s="478">
        <v>15511</v>
      </c>
      <c r="J7" s="478">
        <v>8762</v>
      </c>
      <c r="K7" s="478">
        <v>6749</v>
      </c>
      <c r="L7" s="352">
        <v>1110</v>
      </c>
      <c r="M7" s="478">
        <v>565</v>
      </c>
      <c r="N7" s="477">
        <v>545</v>
      </c>
      <c r="O7" s="480"/>
      <c r="Q7" s="117"/>
    </row>
    <row r="8" spans="1:17" s="79" customFormat="1" ht="15" customHeight="1">
      <c r="A8" s="475"/>
      <c r="B8" s="476" t="s">
        <v>787</v>
      </c>
      <c r="C8" s="477">
        <v>16845</v>
      </c>
      <c r="D8" s="478">
        <v>9042</v>
      </c>
      <c r="E8" s="479">
        <v>7803</v>
      </c>
      <c r="F8" s="352">
        <v>1405</v>
      </c>
      <c r="G8" s="478">
        <v>735</v>
      </c>
      <c r="H8" s="478">
        <v>670</v>
      </c>
      <c r="I8" s="478">
        <v>14563</v>
      </c>
      <c r="J8" s="478">
        <v>7908</v>
      </c>
      <c r="K8" s="478">
        <v>6655</v>
      </c>
      <c r="L8" s="352">
        <v>877</v>
      </c>
      <c r="M8" s="478">
        <v>399</v>
      </c>
      <c r="N8" s="477">
        <v>478</v>
      </c>
      <c r="O8" s="480"/>
    </row>
    <row r="9" spans="1:17" s="79" customFormat="1" ht="15" customHeight="1">
      <c r="A9" s="475"/>
      <c r="B9" s="476" t="s">
        <v>788</v>
      </c>
      <c r="C9" s="477">
        <v>9614</v>
      </c>
      <c r="D9" s="478">
        <v>5187</v>
      </c>
      <c r="E9" s="479">
        <v>4427</v>
      </c>
      <c r="F9" s="352">
        <v>860</v>
      </c>
      <c r="G9" s="478">
        <v>439</v>
      </c>
      <c r="H9" s="478">
        <v>421</v>
      </c>
      <c r="I9" s="478">
        <v>8277</v>
      </c>
      <c r="J9" s="478">
        <v>4538</v>
      </c>
      <c r="K9" s="478">
        <v>3739</v>
      </c>
      <c r="L9" s="352">
        <v>477</v>
      </c>
      <c r="M9" s="478">
        <v>210</v>
      </c>
      <c r="N9" s="477">
        <v>267</v>
      </c>
      <c r="O9" s="480"/>
    </row>
    <row r="10" spans="1:17" s="79" customFormat="1" ht="15" customHeight="1">
      <c r="A10" s="475"/>
      <c r="B10" s="481" t="s">
        <v>789</v>
      </c>
      <c r="C10" s="477">
        <v>12641</v>
      </c>
      <c r="D10" s="478">
        <v>7099</v>
      </c>
      <c r="E10" s="479">
        <v>5542</v>
      </c>
      <c r="F10" s="352">
        <v>1071</v>
      </c>
      <c r="G10" s="478">
        <v>566</v>
      </c>
      <c r="H10" s="478">
        <v>505</v>
      </c>
      <c r="I10" s="478">
        <v>10570</v>
      </c>
      <c r="J10" s="478">
        <v>5932</v>
      </c>
      <c r="K10" s="478">
        <v>4638</v>
      </c>
      <c r="L10" s="352">
        <v>1000</v>
      </c>
      <c r="M10" s="478">
        <v>601</v>
      </c>
      <c r="N10" s="477">
        <v>399</v>
      </c>
      <c r="O10" s="480"/>
    </row>
    <row r="11" spans="1:17" s="79" customFormat="1" ht="15" customHeight="1">
      <c r="A11" s="475"/>
      <c r="B11" s="481" t="s">
        <v>790</v>
      </c>
      <c r="C11" s="477">
        <v>12655</v>
      </c>
      <c r="D11" s="478">
        <v>6725</v>
      </c>
      <c r="E11" s="479">
        <v>5930</v>
      </c>
      <c r="F11" s="352">
        <v>995</v>
      </c>
      <c r="G11" s="478">
        <v>535</v>
      </c>
      <c r="H11" s="478">
        <v>460</v>
      </c>
      <c r="I11" s="478">
        <v>10701</v>
      </c>
      <c r="J11" s="478">
        <v>5742</v>
      </c>
      <c r="K11" s="478">
        <v>4959</v>
      </c>
      <c r="L11" s="352">
        <v>959</v>
      </c>
      <c r="M11" s="478">
        <v>448</v>
      </c>
      <c r="N11" s="477">
        <v>511</v>
      </c>
      <c r="O11" s="480"/>
    </row>
    <row r="12" spans="1:17" s="79" customFormat="1" ht="15" customHeight="1">
      <c r="A12" s="475"/>
      <c r="B12" s="481" t="s">
        <v>863</v>
      </c>
      <c r="C12" s="477">
        <v>11451</v>
      </c>
      <c r="D12" s="478">
        <v>6100</v>
      </c>
      <c r="E12" s="479">
        <v>5351</v>
      </c>
      <c r="F12" s="352">
        <v>979</v>
      </c>
      <c r="G12" s="478">
        <v>510</v>
      </c>
      <c r="H12" s="478">
        <v>469</v>
      </c>
      <c r="I12" s="478">
        <v>9659</v>
      </c>
      <c r="J12" s="478">
        <v>5256</v>
      </c>
      <c r="K12" s="478">
        <v>4403</v>
      </c>
      <c r="L12" s="352">
        <v>813</v>
      </c>
      <c r="M12" s="478">
        <v>334</v>
      </c>
      <c r="N12" s="477">
        <v>479</v>
      </c>
      <c r="O12" s="480"/>
    </row>
    <row r="13" spans="1:17" s="79" customFormat="1" ht="15" customHeight="1">
      <c r="A13" s="475"/>
      <c r="B13" s="481" t="s">
        <v>792</v>
      </c>
      <c r="C13" s="477">
        <v>8787</v>
      </c>
      <c r="D13" s="478">
        <v>4713</v>
      </c>
      <c r="E13" s="479">
        <v>4074</v>
      </c>
      <c r="F13" s="352">
        <v>897</v>
      </c>
      <c r="G13" s="478">
        <v>469</v>
      </c>
      <c r="H13" s="478">
        <v>428</v>
      </c>
      <c r="I13" s="478">
        <v>7115</v>
      </c>
      <c r="J13" s="478">
        <v>3913</v>
      </c>
      <c r="K13" s="478">
        <v>3202</v>
      </c>
      <c r="L13" s="352">
        <v>775</v>
      </c>
      <c r="M13" s="478">
        <v>331</v>
      </c>
      <c r="N13" s="477">
        <v>444</v>
      </c>
      <c r="O13" s="480"/>
    </row>
    <row r="14" spans="1:17" s="79" customFormat="1" ht="15" customHeight="1">
      <c r="A14" s="475"/>
      <c r="B14" s="481" t="s">
        <v>793</v>
      </c>
      <c r="C14" s="477">
        <v>8944</v>
      </c>
      <c r="D14" s="478">
        <v>4842</v>
      </c>
      <c r="E14" s="479">
        <v>4102</v>
      </c>
      <c r="F14" s="352">
        <v>805</v>
      </c>
      <c r="G14" s="478">
        <v>422</v>
      </c>
      <c r="H14" s="478">
        <v>383</v>
      </c>
      <c r="I14" s="478">
        <v>7464</v>
      </c>
      <c r="J14" s="478">
        <v>4123</v>
      </c>
      <c r="K14" s="478">
        <v>3341</v>
      </c>
      <c r="L14" s="352">
        <v>675</v>
      </c>
      <c r="M14" s="478">
        <v>297</v>
      </c>
      <c r="N14" s="477">
        <v>378</v>
      </c>
      <c r="O14" s="480"/>
    </row>
    <row r="15" spans="1:17" s="79" customFormat="1" ht="15" customHeight="1">
      <c r="A15" s="475"/>
      <c r="B15" s="481" t="s">
        <v>794</v>
      </c>
      <c r="C15" s="477">
        <v>23342</v>
      </c>
      <c r="D15" s="478">
        <v>12317</v>
      </c>
      <c r="E15" s="479">
        <v>11025</v>
      </c>
      <c r="F15" s="352">
        <v>2267</v>
      </c>
      <c r="G15" s="478">
        <v>1141</v>
      </c>
      <c r="H15" s="478">
        <v>1126</v>
      </c>
      <c r="I15" s="478">
        <v>19891</v>
      </c>
      <c r="J15" s="478">
        <v>10643</v>
      </c>
      <c r="K15" s="478">
        <v>9248</v>
      </c>
      <c r="L15" s="352">
        <v>1184</v>
      </c>
      <c r="M15" s="478">
        <v>533</v>
      </c>
      <c r="N15" s="477">
        <v>651</v>
      </c>
      <c r="O15" s="480"/>
    </row>
    <row r="16" spans="1:17" s="79" customFormat="1" ht="15" customHeight="1">
      <c r="A16" s="475"/>
      <c r="B16" s="481" t="s">
        <v>795</v>
      </c>
      <c r="C16" s="477">
        <v>12252</v>
      </c>
      <c r="D16" s="478">
        <v>6427</v>
      </c>
      <c r="E16" s="479">
        <v>5825</v>
      </c>
      <c r="F16" s="352">
        <v>1385</v>
      </c>
      <c r="G16" s="478">
        <v>683</v>
      </c>
      <c r="H16" s="478">
        <v>702</v>
      </c>
      <c r="I16" s="478">
        <v>10065</v>
      </c>
      <c r="J16" s="478">
        <v>5411</v>
      </c>
      <c r="K16" s="478">
        <v>4654</v>
      </c>
      <c r="L16" s="352">
        <v>802</v>
      </c>
      <c r="M16" s="478">
        <v>333</v>
      </c>
      <c r="N16" s="477">
        <v>469</v>
      </c>
      <c r="O16" s="480"/>
    </row>
    <row r="17" spans="1:15" s="79" customFormat="1" ht="15" customHeight="1">
      <c r="A17" s="475"/>
      <c r="B17" s="481" t="s">
        <v>796</v>
      </c>
      <c r="C17" s="477">
        <v>9132</v>
      </c>
      <c r="D17" s="478">
        <v>4787</v>
      </c>
      <c r="E17" s="479">
        <v>4345</v>
      </c>
      <c r="F17" s="352">
        <v>809</v>
      </c>
      <c r="G17" s="478">
        <v>402</v>
      </c>
      <c r="H17" s="478">
        <v>407</v>
      </c>
      <c r="I17" s="478">
        <v>7528</v>
      </c>
      <c r="J17" s="478">
        <v>4033</v>
      </c>
      <c r="K17" s="478">
        <v>3495</v>
      </c>
      <c r="L17" s="352">
        <v>795</v>
      </c>
      <c r="M17" s="478">
        <v>352</v>
      </c>
      <c r="N17" s="477">
        <v>443</v>
      </c>
      <c r="O17" s="480"/>
    </row>
    <row r="18" spans="1:15" s="79" customFormat="1" ht="15" customHeight="1">
      <c r="A18" s="475"/>
      <c r="B18" s="481" t="s">
        <v>797</v>
      </c>
      <c r="C18" s="477">
        <v>9698</v>
      </c>
      <c r="D18" s="478">
        <v>4976</v>
      </c>
      <c r="E18" s="479">
        <v>4722</v>
      </c>
      <c r="F18" s="352">
        <v>837</v>
      </c>
      <c r="G18" s="478">
        <v>412</v>
      </c>
      <c r="H18" s="478">
        <v>425</v>
      </c>
      <c r="I18" s="478">
        <v>8027</v>
      </c>
      <c r="J18" s="478">
        <v>4191</v>
      </c>
      <c r="K18" s="478">
        <v>3836</v>
      </c>
      <c r="L18" s="352">
        <v>834</v>
      </c>
      <c r="M18" s="478">
        <v>373</v>
      </c>
      <c r="N18" s="477">
        <v>461</v>
      </c>
      <c r="O18" s="480"/>
    </row>
    <row r="19" spans="1:15" s="79" customFormat="1" ht="15" customHeight="1">
      <c r="A19" s="475"/>
      <c r="B19" s="481" t="s">
        <v>798</v>
      </c>
      <c r="C19" s="477">
        <v>9302</v>
      </c>
      <c r="D19" s="478">
        <v>4909</v>
      </c>
      <c r="E19" s="479">
        <v>4393</v>
      </c>
      <c r="F19" s="352">
        <v>950</v>
      </c>
      <c r="G19" s="478">
        <v>480</v>
      </c>
      <c r="H19" s="478">
        <v>470</v>
      </c>
      <c r="I19" s="478">
        <v>7710</v>
      </c>
      <c r="J19" s="478">
        <v>4142</v>
      </c>
      <c r="K19" s="478">
        <v>3568</v>
      </c>
      <c r="L19" s="352">
        <v>642</v>
      </c>
      <c r="M19" s="478">
        <v>287</v>
      </c>
      <c r="N19" s="477">
        <v>355</v>
      </c>
      <c r="O19" s="480"/>
    </row>
    <row r="20" spans="1:15" s="79" customFormat="1" ht="15" customHeight="1">
      <c r="A20" s="475"/>
      <c r="B20" s="481" t="s">
        <v>799</v>
      </c>
      <c r="C20" s="477">
        <v>5087</v>
      </c>
      <c r="D20" s="478">
        <v>2624</v>
      </c>
      <c r="E20" s="479">
        <v>2463</v>
      </c>
      <c r="F20" s="352">
        <v>521</v>
      </c>
      <c r="G20" s="478">
        <v>248</v>
      </c>
      <c r="H20" s="478">
        <v>273</v>
      </c>
      <c r="I20" s="478">
        <v>4186</v>
      </c>
      <c r="J20" s="478">
        <v>2220</v>
      </c>
      <c r="K20" s="478">
        <v>1966</v>
      </c>
      <c r="L20" s="352">
        <v>380</v>
      </c>
      <c r="M20" s="478">
        <v>156</v>
      </c>
      <c r="N20" s="477">
        <v>224</v>
      </c>
      <c r="O20" s="480"/>
    </row>
    <row r="21" spans="1:15" s="79" customFormat="1" ht="15" customHeight="1">
      <c r="A21" s="475"/>
      <c r="B21" s="481" t="s">
        <v>800</v>
      </c>
      <c r="C21" s="477">
        <v>5311</v>
      </c>
      <c r="D21" s="478">
        <v>2755</v>
      </c>
      <c r="E21" s="479">
        <v>2556</v>
      </c>
      <c r="F21" s="352">
        <v>482</v>
      </c>
      <c r="G21" s="478">
        <v>230</v>
      </c>
      <c r="H21" s="478">
        <v>252</v>
      </c>
      <c r="I21" s="478">
        <v>4324</v>
      </c>
      <c r="J21" s="478">
        <v>2315</v>
      </c>
      <c r="K21" s="478">
        <v>2009</v>
      </c>
      <c r="L21" s="352">
        <v>505</v>
      </c>
      <c r="M21" s="478">
        <v>210</v>
      </c>
      <c r="N21" s="477">
        <v>295</v>
      </c>
      <c r="O21" s="480"/>
    </row>
    <row r="22" spans="1:15" s="79" customFormat="1" ht="15" customHeight="1">
      <c r="A22" s="475"/>
      <c r="B22" s="481" t="s">
        <v>801</v>
      </c>
      <c r="C22" s="477">
        <v>6073</v>
      </c>
      <c r="D22" s="478">
        <v>3105</v>
      </c>
      <c r="E22" s="479">
        <v>2968</v>
      </c>
      <c r="F22" s="352">
        <v>617</v>
      </c>
      <c r="G22" s="478">
        <v>332</v>
      </c>
      <c r="H22" s="478">
        <v>285</v>
      </c>
      <c r="I22" s="478">
        <v>4963</v>
      </c>
      <c r="J22" s="478">
        <v>2567</v>
      </c>
      <c r="K22" s="478">
        <v>2396</v>
      </c>
      <c r="L22" s="352">
        <v>493</v>
      </c>
      <c r="M22" s="478">
        <v>206</v>
      </c>
      <c r="N22" s="477">
        <v>287</v>
      </c>
      <c r="O22" s="480"/>
    </row>
    <row r="23" spans="1:15" s="79" customFormat="1" ht="15" customHeight="1">
      <c r="A23" s="475"/>
      <c r="B23" s="481" t="s">
        <v>802</v>
      </c>
      <c r="C23" s="477">
        <v>16940</v>
      </c>
      <c r="D23" s="478">
        <v>8792</v>
      </c>
      <c r="E23" s="479">
        <v>8148</v>
      </c>
      <c r="F23" s="352">
        <v>1763</v>
      </c>
      <c r="G23" s="478">
        <v>908</v>
      </c>
      <c r="H23" s="478">
        <v>855</v>
      </c>
      <c r="I23" s="478">
        <v>13976</v>
      </c>
      <c r="J23" s="478">
        <v>7338</v>
      </c>
      <c r="K23" s="478">
        <v>6638</v>
      </c>
      <c r="L23" s="352">
        <v>1201</v>
      </c>
      <c r="M23" s="478">
        <v>546</v>
      </c>
      <c r="N23" s="477">
        <v>655</v>
      </c>
      <c r="O23" s="480"/>
    </row>
    <row r="24" spans="1:15" s="79" customFormat="1" ht="15" customHeight="1">
      <c r="A24" s="475"/>
      <c r="B24" s="481" t="s">
        <v>803</v>
      </c>
      <c r="C24" s="477">
        <v>11286</v>
      </c>
      <c r="D24" s="478">
        <v>5941</v>
      </c>
      <c r="E24" s="479">
        <v>5345</v>
      </c>
      <c r="F24" s="352">
        <v>1505</v>
      </c>
      <c r="G24" s="478">
        <v>773</v>
      </c>
      <c r="H24" s="478">
        <v>732</v>
      </c>
      <c r="I24" s="478">
        <v>9133</v>
      </c>
      <c r="J24" s="478">
        <v>4896</v>
      </c>
      <c r="K24" s="478">
        <v>4237</v>
      </c>
      <c r="L24" s="352">
        <v>648</v>
      </c>
      <c r="M24" s="478">
        <v>272</v>
      </c>
      <c r="N24" s="477">
        <v>376</v>
      </c>
      <c r="O24" s="480"/>
    </row>
    <row r="25" spans="1:15" s="474" customFormat="1" ht="17.25" customHeight="1">
      <c r="A25" s="1161" t="s">
        <v>804</v>
      </c>
      <c r="B25" s="1162"/>
      <c r="C25" s="469">
        <v>101633</v>
      </c>
      <c r="D25" s="470">
        <v>54504</v>
      </c>
      <c r="E25" s="471">
        <v>47129</v>
      </c>
      <c r="F25" s="472">
        <v>9681</v>
      </c>
      <c r="G25" s="470">
        <v>4976</v>
      </c>
      <c r="H25" s="472">
        <v>4705</v>
      </c>
      <c r="I25" s="470">
        <v>86769</v>
      </c>
      <c r="J25" s="470">
        <v>47070</v>
      </c>
      <c r="K25" s="471">
        <v>39699</v>
      </c>
      <c r="L25" s="472">
        <v>5183</v>
      </c>
      <c r="M25" s="470">
        <v>2458</v>
      </c>
      <c r="N25" s="472">
        <v>2725</v>
      </c>
      <c r="O25" s="473"/>
    </row>
    <row r="26" spans="1:15" s="79" customFormat="1" ht="15" customHeight="1">
      <c r="A26" s="475"/>
      <c r="B26" s="481" t="s">
        <v>805</v>
      </c>
      <c r="C26" s="477">
        <v>15475</v>
      </c>
      <c r="D26" s="478">
        <v>8917</v>
      </c>
      <c r="E26" s="479">
        <v>6558</v>
      </c>
      <c r="F26" s="352">
        <v>1223</v>
      </c>
      <c r="G26" s="478">
        <v>610</v>
      </c>
      <c r="H26" s="478">
        <v>613</v>
      </c>
      <c r="I26" s="478">
        <v>13397</v>
      </c>
      <c r="J26" s="478">
        <v>7835</v>
      </c>
      <c r="K26" s="478">
        <v>5562</v>
      </c>
      <c r="L26" s="352">
        <v>855</v>
      </c>
      <c r="M26" s="478">
        <v>472</v>
      </c>
      <c r="N26" s="477">
        <v>383</v>
      </c>
      <c r="O26" s="480"/>
    </row>
    <row r="27" spans="1:15" s="79" customFormat="1" ht="15" customHeight="1">
      <c r="A27" s="475"/>
      <c r="B27" s="481" t="s">
        <v>806</v>
      </c>
      <c r="C27" s="477">
        <v>10525</v>
      </c>
      <c r="D27" s="478">
        <v>5916</v>
      </c>
      <c r="E27" s="479">
        <v>4609</v>
      </c>
      <c r="F27" s="352">
        <v>1048</v>
      </c>
      <c r="G27" s="478">
        <v>565</v>
      </c>
      <c r="H27" s="478">
        <v>483</v>
      </c>
      <c r="I27" s="478">
        <v>8920</v>
      </c>
      <c r="J27" s="478">
        <v>5092</v>
      </c>
      <c r="K27" s="478">
        <v>3828</v>
      </c>
      <c r="L27" s="352">
        <v>557</v>
      </c>
      <c r="M27" s="478">
        <v>259</v>
      </c>
      <c r="N27" s="477">
        <v>298</v>
      </c>
      <c r="O27" s="480"/>
    </row>
    <row r="28" spans="1:15" s="79" customFormat="1" ht="15" customHeight="1">
      <c r="A28" s="475"/>
      <c r="B28" s="481" t="s">
        <v>807</v>
      </c>
      <c r="C28" s="477">
        <v>21606</v>
      </c>
      <c r="D28" s="478">
        <v>11442</v>
      </c>
      <c r="E28" s="479">
        <v>10164</v>
      </c>
      <c r="F28" s="352">
        <v>2262</v>
      </c>
      <c r="G28" s="478">
        <v>1138</v>
      </c>
      <c r="H28" s="478">
        <v>1124</v>
      </c>
      <c r="I28" s="478">
        <v>18562</v>
      </c>
      <c r="J28" s="478">
        <v>9926</v>
      </c>
      <c r="K28" s="478">
        <v>8636</v>
      </c>
      <c r="L28" s="352">
        <v>782</v>
      </c>
      <c r="M28" s="478">
        <v>378</v>
      </c>
      <c r="N28" s="477">
        <v>404</v>
      </c>
      <c r="O28" s="480"/>
    </row>
    <row r="29" spans="1:15" s="79" customFormat="1" ht="15" customHeight="1">
      <c r="A29" s="475"/>
      <c r="B29" s="481" t="s">
        <v>808</v>
      </c>
      <c r="C29" s="477">
        <v>16222</v>
      </c>
      <c r="D29" s="478">
        <v>8580</v>
      </c>
      <c r="E29" s="479">
        <v>7642</v>
      </c>
      <c r="F29" s="352">
        <v>1580</v>
      </c>
      <c r="G29" s="478">
        <v>836</v>
      </c>
      <c r="H29" s="478">
        <v>744</v>
      </c>
      <c r="I29" s="478">
        <v>13799</v>
      </c>
      <c r="J29" s="478">
        <v>7345</v>
      </c>
      <c r="K29" s="478">
        <v>6454</v>
      </c>
      <c r="L29" s="352">
        <v>843</v>
      </c>
      <c r="M29" s="478">
        <v>399</v>
      </c>
      <c r="N29" s="477">
        <v>444</v>
      </c>
      <c r="O29" s="480"/>
    </row>
    <row r="30" spans="1:15" s="79" customFormat="1" ht="15" customHeight="1">
      <c r="A30" s="475"/>
      <c r="B30" s="481" t="s">
        <v>809</v>
      </c>
      <c r="C30" s="477">
        <v>15090</v>
      </c>
      <c r="D30" s="478">
        <v>8003</v>
      </c>
      <c r="E30" s="479">
        <v>7087</v>
      </c>
      <c r="F30" s="352">
        <v>1146</v>
      </c>
      <c r="G30" s="478">
        <v>594</v>
      </c>
      <c r="H30" s="478">
        <v>552</v>
      </c>
      <c r="I30" s="478">
        <v>13278</v>
      </c>
      <c r="J30" s="478">
        <v>7116</v>
      </c>
      <c r="K30" s="478">
        <v>6162</v>
      </c>
      <c r="L30" s="352">
        <v>666</v>
      </c>
      <c r="M30" s="478">
        <v>293</v>
      </c>
      <c r="N30" s="477">
        <v>373</v>
      </c>
      <c r="O30" s="480"/>
    </row>
    <row r="31" spans="1:15" s="79" customFormat="1" ht="15" customHeight="1">
      <c r="A31" s="475"/>
      <c r="B31" s="481" t="s">
        <v>810</v>
      </c>
      <c r="C31" s="477">
        <v>13121</v>
      </c>
      <c r="D31" s="478">
        <v>6723</v>
      </c>
      <c r="E31" s="479">
        <v>6398</v>
      </c>
      <c r="F31" s="352">
        <v>1477</v>
      </c>
      <c r="G31" s="478">
        <v>741</v>
      </c>
      <c r="H31" s="478">
        <v>736</v>
      </c>
      <c r="I31" s="478">
        <v>10847</v>
      </c>
      <c r="J31" s="478">
        <v>5613</v>
      </c>
      <c r="K31" s="478">
        <v>5234</v>
      </c>
      <c r="L31" s="352">
        <v>797</v>
      </c>
      <c r="M31" s="478">
        <v>369</v>
      </c>
      <c r="N31" s="477">
        <v>428</v>
      </c>
      <c r="O31" s="480"/>
    </row>
    <row r="32" spans="1:15" s="79" customFormat="1" ht="15" customHeight="1">
      <c r="A32" s="475"/>
      <c r="B32" s="481" t="s">
        <v>811</v>
      </c>
      <c r="C32" s="477">
        <v>9594</v>
      </c>
      <c r="D32" s="478">
        <v>4923</v>
      </c>
      <c r="E32" s="479">
        <v>4671</v>
      </c>
      <c r="F32" s="352">
        <v>945</v>
      </c>
      <c r="G32" s="478">
        <v>492</v>
      </c>
      <c r="H32" s="478">
        <v>453</v>
      </c>
      <c r="I32" s="478">
        <v>7966</v>
      </c>
      <c r="J32" s="478">
        <v>4143</v>
      </c>
      <c r="K32" s="478">
        <v>3823</v>
      </c>
      <c r="L32" s="352">
        <v>683</v>
      </c>
      <c r="M32" s="478">
        <v>288</v>
      </c>
      <c r="N32" s="477">
        <v>395</v>
      </c>
      <c r="O32" s="480"/>
    </row>
    <row r="33" spans="1:15" s="474" customFormat="1" ht="17.25" customHeight="1">
      <c r="A33" s="1159" t="s">
        <v>812</v>
      </c>
      <c r="B33" s="1160"/>
      <c r="C33" s="469">
        <v>26156</v>
      </c>
      <c r="D33" s="470">
        <v>14760</v>
      </c>
      <c r="E33" s="471">
        <v>11396</v>
      </c>
      <c r="F33" s="472">
        <v>2165</v>
      </c>
      <c r="G33" s="470">
        <v>1129</v>
      </c>
      <c r="H33" s="472">
        <v>1036</v>
      </c>
      <c r="I33" s="470">
        <v>21992</v>
      </c>
      <c r="J33" s="470">
        <v>12805</v>
      </c>
      <c r="K33" s="471">
        <v>9187</v>
      </c>
      <c r="L33" s="472">
        <v>1999</v>
      </c>
      <c r="M33" s="470">
        <v>826</v>
      </c>
      <c r="N33" s="472">
        <v>1173</v>
      </c>
      <c r="O33" s="473"/>
    </row>
    <row r="34" spans="1:15" s="79" customFormat="1" ht="15" customHeight="1">
      <c r="A34" s="475"/>
      <c r="B34" s="481" t="s">
        <v>813</v>
      </c>
      <c r="C34" s="477">
        <v>14839</v>
      </c>
      <c r="D34" s="478">
        <v>9177</v>
      </c>
      <c r="E34" s="479">
        <v>5662</v>
      </c>
      <c r="F34" s="352">
        <v>1190</v>
      </c>
      <c r="G34" s="478">
        <v>621</v>
      </c>
      <c r="H34" s="478">
        <v>569</v>
      </c>
      <c r="I34" s="478">
        <v>12830</v>
      </c>
      <c r="J34" s="478">
        <v>8211</v>
      </c>
      <c r="K34" s="478">
        <v>4619</v>
      </c>
      <c r="L34" s="352">
        <v>819</v>
      </c>
      <c r="M34" s="478">
        <v>345</v>
      </c>
      <c r="N34" s="477">
        <v>474</v>
      </c>
      <c r="O34" s="480"/>
    </row>
    <row r="35" spans="1:15" s="79" customFormat="1" ht="15" customHeight="1">
      <c r="A35" s="475"/>
      <c r="B35" s="481" t="s">
        <v>814</v>
      </c>
      <c r="C35" s="477">
        <v>6696</v>
      </c>
      <c r="D35" s="478">
        <v>3370</v>
      </c>
      <c r="E35" s="479">
        <v>3326</v>
      </c>
      <c r="F35" s="352">
        <v>546</v>
      </c>
      <c r="G35" s="478">
        <v>297</v>
      </c>
      <c r="H35" s="478">
        <v>249</v>
      </c>
      <c r="I35" s="478">
        <v>5507</v>
      </c>
      <c r="J35" s="478">
        <v>2809</v>
      </c>
      <c r="K35" s="478">
        <v>2698</v>
      </c>
      <c r="L35" s="352">
        <v>643</v>
      </c>
      <c r="M35" s="478">
        <v>264</v>
      </c>
      <c r="N35" s="477">
        <v>379</v>
      </c>
      <c r="O35" s="480"/>
    </row>
    <row r="36" spans="1:15" s="79" customFormat="1" ht="15" customHeight="1">
      <c r="A36" s="475"/>
      <c r="B36" s="481" t="s">
        <v>815</v>
      </c>
      <c r="C36" s="477">
        <v>2295</v>
      </c>
      <c r="D36" s="478">
        <v>1082</v>
      </c>
      <c r="E36" s="479">
        <v>1213</v>
      </c>
      <c r="F36" s="352">
        <v>258</v>
      </c>
      <c r="G36" s="478">
        <v>123</v>
      </c>
      <c r="H36" s="478">
        <v>135</v>
      </c>
      <c r="I36" s="478">
        <v>1797</v>
      </c>
      <c r="J36" s="478">
        <v>861</v>
      </c>
      <c r="K36" s="478">
        <v>936</v>
      </c>
      <c r="L36" s="352">
        <v>240</v>
      </c>
      <c r="M36" s="478">
        <v>98</v>
      </c>
      <c r="N36" s="477">
        <v>142</v>
      </c>
      <c r="O36" s="480"/>
    </row>
    <row r="37" spans="1:15" s="79" customFormat="1" ht="15" customHeight="1">
      <c r="A37" s="475"/>
      <c r="B37" s="481" t="s">
        <v>816</v>
      </c>
      <c r="C37" s="477">
        <v>1181</v>
      </c>
      <c r="D37" s="478">
        <v>586</v>
      </c>
      <c r="E37" s="479">
        <v>595</v>
      </c>
      <c r="F37" s="352">
        <v>81</v>
      </c>
      <c r="G37" s="478">
        <v>43</v>
      </c>
      <c r="H37" s="478">
        <v>38</v>
      </c>
      <c r="I37" s="478">
        <v>935</v>
      </c>
      <c r="J37" s="478">
        <v>477</v>
      </c>
      <c r="K37" s="478">
        <v>458</v>
      </c>
      <c r="L37" s="352">
        <v>165</v>
      </c>
      <c r="M37" s="478">
        <v>66</v>
      </c>
      <c r="N37" s="477">
        <v>99</v>
      </c>
      <c r="O37" s="480"/>
    </row>
    <row r="38" spans="1:15" s="79" customFormat="1" ht="15" customHeight="1">
      <c r="A38" s="475"/>
      <c r="B38" s="481" t="s">
        <v>817</v>
      </c>
      <c r="C38" s="477">
        <v>1145</v>
      </c>
      <c r="D38" s="478">
        <v>545</v>
      </c>
      <c r="E38" s="479">
        <v>600</v>
      </c>
      <c r="F38" s="352">
        <v>90</v>
      </c>
      <c r="G38" s="478">
        <v>45</v>
      </c>
      <c r="H38" s="478">
        <v>45</v>
      </c>
      <c r="I38" s="478">
        <v>923</v>
      </c>
      <c r="J38" s="478">
        <v>447</v>
      </c>
      <c r="K38" s="478">
        <v>476</v>
      </c>
      <c r="L38" s="352">
        <v>132</v>
      </c>
      <c r="M38" s="478">
        <v>53</v>
      </c>
      <c r="N38" s="477">
        <v>79</v>
      </c>
      <c r="O38" s="480"/>
    </row>
    <row r="39" spans="1:15" s="474" customFormat="1" ht="17.25" customHeight="1">
      <c r="A39" s="1159" t="s">
        <v>857</v>
      </c>
      <c r="B39" s="1160"/>
      <c r="C39" s="469">
        <v>69056</v>
      </c>
      <c r="D39" s="470">
        <v>38004</v>
      </c>
      <c r="E39" s="471">
        <v>31052</v>
      </c>
      <c r="F39" s="472">
        <v>6083</v>
      </c>
      <c r="G39" s="470">
        <v>3186</v>
      </c>
      <c r="H39" s="472">
        <v>2897</v>
      </c>
      <c r="I39" s="470">
        <v>58533</v>
      </c>
      <c r="J39" s="470">
        <v>32795</v>
      </c>
      <c r="K39" s="471">
        <v>25738</v>
      </c>
      <c r="L39" s="472">
        <v>4439</v>
      </c>
      <c r="M39" s="470">
        <v>2022</v>
      </c>
      <c r="N39" s="472">
        <v>2417</v>
      </c>
      <c r="O39" s="473"/>
    </row>
    <row r="40" spans="1:15" s="474" customFormat="1" ht="15" customHeight="1">
      <c r="A40" s="1163" t="s">
        <v>819</v>
      </c>
      <c r="B40" s="1164"/>
      <c r="C40" s="477">
        <v>31032</v>
      </c>
      <c r="D40" s="478">
        <v>16562</v>
      </c>
      <c r="E40" s="479">
        <v>14470</v>
      </c>
      <c r="F40" s="352">
        <v>2670</v>
      </c>
      <c r="G40" s="478">
        <v>1418</v>
      </c>
      <c r="H40" s="478">
        <v>1252</v>
      </c>
      <c r="I40" s="478">
        <v>26340</v>
      </c>
      <c r="J40" s="478">
        <v>14233</v>
      </c>
      <c r="K40" s="478">
        <v>12107</v>
      </c>
      <c r="L40" s="352">
        <v>2022</v>
      </c>
      <c r="M40" s="478">
        <v>911</v>
      </c>
      <c r="N40" s="477">
        <v>1111</v>
      </c>
      <c r="O40" s="482"/>
    </row>
    <row r="41" spans="1:15" s="474" customFormat="1" ht="15" customHeight="1">
      <c r="A41" s="483"/>
      <c r="B41" s="481" t="s">
        <v>820</v>
      </c>
      <c r="C41" s="477">
        <v>6858</v>
      </c>
      <c r="D41" s="478">
        <v>3709</v>
      </c>
      <c r="E41" s="479">
        <v>3149</v>
      </c>
      <c r="F41" s="352">
        <v>614</v>
      </c>
      <c r="G41" s="478">
        <v>337</v>
      </c>
      <c r="H41" s="478">
        <v>277</v>
      </c>
      <c r="I41" s="478">
        <v>5794</v>
      </c>
      <c r="J41" s="478">
        <v>3159</v>
      </c>
      <c r="K41" s="478">
        <v>2635</v>
      </c>
      <c r="L41" s="352">
        <v>450</v>
      </c>
      <c r="M41" s="478">
        <v>213</v>
      </c>
      <c r="N41" s="477">
        <v>237</v>
      </c>
      <c r="O41" s="482"/>
    </row>
    <row r="42" spans="1:15" s="474" customFormat="1" ht="15" customHeight="1">
      <c r="A42" s="483"/>
      <c r="B42" s="481" t="s">
        <v>821</v>
      </c>
      <c r="C42" s="477">
        <v>11036</v>
      </c>
      <c r="D42" s="478">
        <v>6001</v>
      </c>
      <c r="E42" s="479">
        <v>5035</v>
      </c>
      <c r="F42" s="352">
        <v>979</v>
      </c>
      <c r="G42" s="478">
        <v>522</v>
      </c>
      <c r="H42" s="478">
        <v>457</v>
      </c>
      <c r="I42" s="478">
        <v>9296</v>
      </c>
      <c r="J42" s="478">
        <v>5131</v>
      </c>
      <c r="K42" s="478">
        <v>4165</v>
      </c>
      <c r="L42" s="352">
        <v>761</v>
      </c>
      <c r="M42" s="478">
        <v>348</v>
      </c>
      <c r="N42" s="477">
        <v>413</v>
      </c>
      <c r="O42" s="482"/>
    </row>
    <row r="43" spans="1:15" s="474" customFormat="1" ht="15" customHeight="1">
      <c r="A43" s="483"/>
      <c r="B43" s="484" t="s">
        <v>822</v>
      </c>
      <c r="C43" s="477">
        <v>13138</v>
      </c>
      <c r="D43" s="478">
        <v>6852</v>
      </c>
      <c r="E43" s="479">
        <v>6286</v>
      </c>
      <c r="F43" s="485">
        <v>1077</v>
      </c>
      <c r="G43" s="486">
        <v>559</v>
      </c>
      <c r="H43" s="486">
        <v>518</v>
      </c>
      <c r="I43" s="486">
        <v>11250</v>
      </c>
      <c r="J43" s="486">
        <v>5943</v>
      </c>
      <c r="K43" s="486">
        <v>5307</v>
      </c>
      <c r="L43" s="485">
        <v>811</v>
      </c>
      <c r="M43" s="486">
        <v>350</v>
      </c>
      <c r="N43" s="487">
        <v>461</v>
      </c>
      <c r="O43" s="482"/>
    </row>
    <row r="44" spans="1:15" s="79" customFormat="1" ht="15" customHeight="1">
      <c r="A44" s="475"/>
      <c r="B44" s="481" t="s">
        <v>823</v>
      </c>
      <c r="C44" s="477">
        <v>9582</v>
      </c>
      <c r="D44" s="478">
        <v>5669</v>
      </c>
      <c r="E44" s="479">
        <v>3913</v>
      </c>
      <c r="F44" s="352">
        <v>801</v>
      </c>
      <c r="G44" s="478">
        <v>390</v>
      </c>
      <c r="H44" s="478">
        <v>411</v>
      </c>
      <c r="I44" s="478">
        <v>8232</v>
      </c>
      <c r="J44" s="478">
        <v>5023</v>
      </c>
      <c r="K44" s="478">
        <v>3209</v>
      </c>
      <c r="L44" s="352">
        <v>549</v>
      </c>
      <c r="M44" s="478">
        <v>256</v>
      </c>
      <c r="N44" s="477">
        <v>293</v>
      </c>
      <c r="O44" s="480"/>
    </row>
    <row r="45" spans="1:15" s="79" customFormat="1" ht="15" customHeight="1">
      <c r="A45" s="475"/>
      <c r="B45" s="481" t="s">
        <v>824</v>
      </c>
      <c r="C45" s="477">
        <v>11202</v>
      </c>
      <c r="D45" s="478">
        <v>6145</v>
      </c>
      <c r="E45" s="479">
        <v>5057</v>
      </c>
      <c r="F45" s="352">
        <v>996</v>
      </c>
      <c r="G45" s="478">
        <v>522</v>
      </c>
      <c r="H45" s="478">
        <v>474</v>
      </c>
      <c r="I45" s="478">
        <v>9497</v>
      </c>
      <c r="J45" s="478">
        <v>5298</v>
      </c>
      <c r="K45" s="478">
        <v>4199</v>
      </c>
      <c r="L45" s="352">
        <v>709</v>
      </c>
      <c r="M45" s="478">
        <v>325</v>
      </c>
      <c r="N45" s="477">
        <v>384</v>
      </c>
      <c r="O45" s="480"/>
    </row>
    <row r="46" spans="1:15" s="79" customFormat="1" ht="15" customHeight="1">
      <c r="A46" s="475"/>
      <c r="B46" s="481" t="s">
        <v>825</v>
      </c>
      <c r="C46" s="477">
        <v>5719</v>
      </c>
      <c r="D46" s="478">
        <v>3093</v>
      </c>
      <c r="E46" s="479">
        <v>2626</v>
      </c>
      <c r="F46" s="352">
        <v>581</v>
      </c>
      <c r="G46" s="478">
        <v>306</v>
      </c>
      <c r="H46" s="478">
        <v>275</v>
      </c>
      <c r="I46" s="478">
        <v>4774</v>
      </c>
      <c r="J46" s="478">
        <v>2628</v>
      </c>
      <c r="K46" s="478">
        <v>2146</v>
      </c>
      <c r="L46" s="352">
        <v>364</v>
      </c>
      <c r="M46" s="478">
        <v>159</v>
      </c>
      <c r="N46" s="477">
        <v>205</v>
      </c>
      <c r="O46" s="480"/>
    </row>
    <row r="47" spans="1:15" s="79" customFormat="1" ht="15" customHeight="1">
      <c r="A47" s="475"/>
      <c r="B47" s="481" t="s">
        <v>826</v>
      </c>
      <c r="C47" s="477">
        <v>5936</v>
      </c>
      <c r="D47" s="478">
        <v>3255</v>
      </c>
      <c r="E47" s="479">
        <v>2681</v>
      </c>
      <c r="F47" s="352">
        <v>500</v>
      </c>
      <c r="G47" s="478">
        <v>272</v>
      </c>
      <c r="H47" s="478">
        <v>228</v>
      </c>
      <c r="I47" s="478">
        <v>5053</v>
      </c>
      <c r="J47" s="478">
        <v>2795</v>
      </c>
      <c r="K47" s="478">
        <v>2258</v>
      </c>
      <c r="L47" s="352">
        <v>383</v>
      </c>
      <c r="M47" s="478">
        <v>188</v>
      </c>
      <c r="N47" s="477">
        <v>195</v>
      </c>
      <c r="O47" s="480"/>
    </row>
    <row r="48" spans="1:15" s="79" customFormat="1" ht="15" customHeight="1">
      <c r="A48" s="475"/>
      <c r="B48" s="481" t="s">
        <v>827</v>
      </c>
      <c r="C48" s="477">
        <v>3837</v>
      </c>
      <c r="D48" s="478">
        <v>2304</v>
      </c>
      <c r="E48" s="479">
        <v>1533</v>
      </c>
      <c r="F48" s="352">
        <v>389</v>
      </c>
      <c r="G48" s="478">
        <v>207</v>
      </c>
      <c r="H48" s="478">
        <v>182</v>
      </c>
      <c r="I48" s="478">
        <v>3174</v>
      </c>
      <c r="J48" s="478">
        <v>1974</v>
      </c>
      <c r="K48" s="478">
        <v>1200</v>
      </c>
      <c r="L48" s="352">
        <v>274</v>
      </c>
      <c r="M48" s="478">
        <v>123</v>
      </c>
      <c r="N48" s="477">
        <v>151</v>
      </c>
      <c r="O48" s="480"/>
    </row>
    <row r="49" spans="1:18" s="79" customFormat="1" ht="15" customHeight="1">
      <c r="A49" s="475"/>
      <c r="B49" s="481" t="s">
        <v>828</v>
      </c>
      <c r="C49" s="477">
        <v>1647</v>
      </c>
      <c r="D49" s="478">
        <v>924</v>
      </c>
      <c r="E49" s="479">
        <v>723</v>
      </c>
      <c r="F49" s="352">
        <v>129</v>
      </c>
      <c r="G49" s="478">
        <v>63</v>
      </c>
      <c r="H49" s="478">
        <v>66</v>
      </c>
      <c r="I49" s="478">
        <v>1395</v>
      </c>
      <c r="J49" s="478">
        <v>807</v>
      </c>
      <c r="K49" s="478">
        <v>588</v>
      </c>
      <c r="L49" s="352">
        <v>123</v>
      </c>
      <c r="M49" s="478">
        <v>54</v>
      </c>
      <c r="N49" s="477">
        <v>69</v>
      </c>
      <c r="O49" s="480"/>
    </row>
    <row r="50" spans="1:18" s="79" customFormat="1" ht="15" customHeight="1">
      <c r="A50" s="475"/>
      <c r="B50" s="481" t="s">
        <v>300</v>
      </c>
      <c r="C50" s="477">
        <v>101</v>
      </c>
      <c r="D50" s="478">
        <v>52</v>
      </c>
      <c r="E50" s="479">
        <v>49</v>
      </c>
      <c r="F50" s="352">
        <v>17</v>
      </c>
      <c r="G50" s="478">
        <v>8</v>
      </c>
      <c r="H50" s="478">
        <v>9</v>
      </c>
      <c r="I50" s="478">
        <v>68</v>
      </c>
      <c r="J50" s="478">
        <v>37</v>
      </c>
      <c r="K50" s="478">
        <v>31</v>
      </c>
      <c r="L50" s="352">
        <v>15</v>
      </c>
      <c r="M50" s="478">
        <v>6</v>
      </c>
      <c r="N50" s="477">
        <v>9</v>
      </c>
      <c r="O50" s="480"/>
    </row>
    <row r="51" spans="1:18" s="474" customFormat="1" ht="17.25" customHeight="1">
      <c r="A51" s="1159" t="s">
        <v>858</v>
      </c>
      <c r="B51" s="1160"/>
      <c r="C51" s="469">
        <v>46845</v>
      </c>
      <c r="D51" s="470">
        <v>25283</v>
      </c>
      <c r="E51" s="471">
        <v>21562</v>
      </c>
      <c r="F51" s="472">
        <v>4038</v>
      </c>
      <c r="G51" s="470">
        <v>2062</v>
      </c>
      <c r="H51" s="472">
        <v>1976</v>
      </c>
      <c r="I51" s="470">
        <v>39623</v>
      </c>
      <c r="J51" s="470">
        <v>21868</v>
      </c>
      <c r="K51" s="471">
        <v>17755</v>
      </c>
      <c r="L51" s="472">
        <v>3184</v>
      </c>
      <c r="M51" s="470">
        <v>1353</v>
      </c>
      <c r="N51" s="472">
        <v>1831</v>
      </c>
      <c r="O51" s="473"/>
    </row>
    <row r="52" spans="1:18" s="79" customFormat="1" ht="15" customHeight="1">
      <c r="A52" s="475"/>
      <c r="B52" s="481" t="s">
        <v>830</v>
      </c>
      <c r="C52" s="477">
        <v>8187</v>
      </c>
      <c r="D52" s="478">
        <v>4479</v>
      </c>
      <c r="E52" s="479">
        <v>3708</v>
      </c>
      <c r="F52" s="352">
        <v>728</v>
      </c>
      <c r="G52" s="478">
        <v>358</v>
      </c>
      <c r="H52" s="478">
        <v>370</v>
      </c>
      <c r="I52" s="478">
        <v>6967</v>
      </c>
      <c r="J52" s="478">
        <v>3911</v>
      </c>
      <c r="K52" s="478">
        <v>3056</v>
      </c>
      <c r="L52" s="352">
        <v>492</v>
      </c>
      <c r="M52" s="478">
        <v>210</v>
      </c>
      <c r="N52" s="477">
        <v>282</v>
      </c>
      <c r="O52" s="488"/>
    </row>
    <row r="53" spans="1:18" s="79" customFormat="1" ht="15" customHeight="1">
      <c r="A53" s="475"/>
      <c r="B53" s="481" t="s">
        <v>292</v>
      </c>
      <c r="C53" s="477">
        <v>16903</v>
      </c>
      <c r="D53" s="478">
        <v>9095</v>
      </c>
      <c r="E53" s="479">
        <v>7808</v>
      </c>
      <c r="F53" s="352">
        <v>1542</v>
      </c>
      <c r="G53" s="478">
        <v>798</v>
      </c>
      <c r="H53" s="478">
        <v>744</v>
      </c>
      <c r="I53" s="478">
        <v>14277</v>
      </c>
      <c r="J53" s="478">
        <v>7854</v>
      </c>
      <c r="K53" s="478">
        <v>6423</v>
      </c>
      <c r="L53" s="352">
        <v>1084</v>
      </c>
      <c r="M53" s="478">
        <v>443</v>
      </c>
      <c r="N53" s="477">
        <v>641</v>
      </c>
      <c r="O53" s="488"/>
    </row>
    <row r="54" spans="1:18" s="79" customFormat="1" ht="15" customHeight="1">
      <c r="A54" s="475"/>
      <c r="B54" s="481" t="s">
        <v>831</v>
      </c>
      <c r="C54" s="477">
        <v>7988</v>
      </c>
      <c r="D54" s="478">
        <v>4057</v>
      </c>
      <c r="E54" s="479">
        <v>3931</v>
      </c>
      <c r="F54" s="352">
        <v>693</v>
      </c>
      <c r="G54" s="478">
        <v>343</v>
      </c>
      <c r="H54" s="478">
        <v>350</v>
      </c>
      <c r="I54" s="478">
        <v>6685</v>
      </c>
      <c r="J54" s="478">
        <v>3467</v>
      </c>
      <c r="K54" s="478">
        <v>3218</v>
      </c>
      <c r="L54" s="352">
        <v>610</v>
      </c>
      <c r="M54" s="478">
        <v>247</v>
      </c>
      <c r="N54" s="477">
        <v>363</v>
      </c>
      <c r="O54" s="488"/>
    </row>
    <row r="55" spans="1:18" s="79" customFormat="1" ht="15" customHeight="1">
      <c r="A55" s="475"/>
      <c r="B55" s="481" t="s">
        <v>832</v>
      </c>
      <c r="C55" s="477">
        <v>5422</v>
      </c>
      <c r="D55" s="478">
        <v>3074</v>
      </c>
      <c r="E55" s="479">
        <v>2348</v>
      </c>
      <c r="F55" s="352">
        <v>403</v>
      </c>
      <c r="G55" s="478">
        <v>194</v>
      </c>
      <c r="H55" s="478">
        <v>209</v>
      </c>
      <c r="I55" s="478">
        <v>4649</v>
      </c>
      <c r="J55" s="478">
        <v>2696</v>
      </c>
      <c r="K55" s="478">
        <v>1953</v>
      </c>
      <c r="L55" s="352">
        <v>370</v>
      </c>
      <c r="M55" s="478">
        <v>184</v>
      </c>
      <c r="N55" s="477">
        <v>186</v>
      </c>
      <c r="O55" s="488"/>
    </row>
    <row r="56" spans="1:18" s="79" customFormat="1" ht="15" customHeight="1">
      <c r="A56" s="475"/>
      <c r="B56" s="481" t="s">
        <v>833</v>
      </c>
      <c r="C56" s="477">
        <v>4459</v>
      </c>
      <c r="D56" s="478">
        <v>2516</v>
      </c>
      <c r="E56" s="479">
        <v>1943</v>
      </c>
      <c r="F56" s="352">
        <v>352</v>
      </c>
      <c r="G56" s="478">
        <v>184</v>
      </c>
      <c r="H56" s="478">
        <v>168</v>
      </c>
      <c r="I56" s="478">
        <v>3833</v>
      </c>
      <c r="J56" s="478">
        <v>2214</v>
      </c>
      <c r="K56" s="478">
        <v>1619</v>
      </c>
      <c r="L56" s="352">
        <v>274</v>
      </c>
      <c r="M56" s="478">
        <v>118</v>
      </c>
      <c r="N56" s="477">
        <v>156</v>
      </c>
      <c r="O56" s="488"/>
    </row>
    <row r="57" spans="1:18" s="79" customFormat="1" ht="15" customHeight="1">
      <c r="A57" s="475"/>
      <c r="B57" s="481" t="s">
        <v>834</v>
      </c>
      <c r="C57" s="477">
        <v>1769</v>
      </c>
      <c r="D57" s="478">
        <v>981</v>
      </c>
      <c r="E57" s="479">
        <v>788</v>
      </c>
      <c r="F57" s="352">
        <v>145</v>
      </c>
      <c r="G57" s="478">
        <v>86</v>
      </c>
      <c r="H57" s="478">
        <v>59</v>
      </c>
      <c r="I57" s="478">
        <v>1491</v>
      </c>
      <c r="J57" s="478">
        <v>839</v>
      </c>
      <c r="K57" s="478">
        <v>652</v>
      </c>
      <c r="L57" s="352">
        <v>133</v>
      </c>
      <c r="M57" s="478">
        <v>56</v>
      </c>
      <c r="N57" s="477">
        <v>77</v>
      </c>
      <c r="O57" s="488"/>
    </row>
    <row r="58" spans="1:18" s="79" customFormat="1" ht="15" customHeight="1">
      <c r="A58" s="475"/>
      <c r="B58" s="481" t="s">
        <v>835</v>
      </c>
      <c r="C58" s="477">
        <v>1124</v>
      </c>
      <c r="D58" s="478">
        <v>565</v>
      </c>
      <c r="E58" s="479">
        <v>559</v>
      </c>
      <c r="F58" s="352">
        <v>93</v>
      </c>
      <c r="G58" s="478">
        <v>55</v>
      </c>
      <c r="H58" s="478">
        <v>38</v>
      </c>
      <c r="I58" s="478">
        <v>908</v>
      </c>
      <c r="J58" s="478">
        <v>455</v>
      </c>
      <c r="K58" s="478">
        <v>453</v>
      </c>
      <c r="L58" s="352">
        <v>123</v>
      </c>
      <c r="M58" s="478">
        <v>55</v>
      </c>
      <c r="N58" s="477">
        <v>68</v>
      </c>
      <c r="O58" s="488"/>
    </row>
    <row r="59" spans="1:18" s="79" customFormat="1" ht="15" customHeight="1">
      <c r="A59" s="475"/>
      <c r="B59" s="481" t="s">
        <v>836</v>
      </c>
      <c r="C59" s="477">
        <v>993</v>
      </c>
      <c r="D59" s="478">
        <v>516</v>
      </c>
      <c r="E59" s="479">
        <v>477</v>
      </c>
      <c r="F59" s="352">
        <v>82</v>
      </c>
      <c r="G59" s="478">
        <v>44</v>
      </c>
      <c r="H59" s="478">
        <v>38</v>
      </c>
      <c r="I59" s="478">
        <v>813</v>
      </c>
      <c r="J59" s="478">
        <v>432</v>
      </c>
      <c r="K59" s="478">
        <v>381</v>
      </c>
      <c r="L59" s="352">
        <v>98</v>
      </c>
      <c r="M59" s="478">
        <v>40</v>
      </c>
      <c r="N59" s="477">
        <v>58</v>
      </c>
      <c r="O59" s="488"/>
    </row>
    <row r="60" spans="1:18" s="474" customFormat="1" ht="17.25" customHeight="1">
      <c r="A60" s="1159" t="s">
        <v>859</v>
      </c>
      <c r="B60" s="1160"/>
      <c r="C60" s="469">
        <v>12302</v>
      </c>
      <c r="D60" s="470">
        <v>6309</v>
      </c>
      <c r="E60" s="471">
        <v>5993</v>
      </c>
      <c r="F60" s="472">
        <v>969</v>
      </c>
      <c r="G60" s="470">
        <v>488</v>
      </c>
      <c r="H60" s="470">
        <v>481</v>
      </c>
      <c r="I60" s="470">
        <v>10256</v>
      </c>
      <c r="J60" s="470">
        <v>5359</v>
      </c>
      <c r="K60" s="470">
        <v>4897</v>
      </c>
      <c r="L60" s="472">
        <v>1077</v>
      </c>
      <c r="M60" s="470">
        <v>462</v>
      </c>
      <c r="N60" s="469">
        <v>615</v>
      </c>
      <c r="O60" s="473"/>
    </row>
    <row r="61" spans="1:18" s="79" customFormat="1" ht="15" customHeight="1">
      <c r="A61" s="475"/>
      <c r="B61" s="481" t="s">
        <v>838</v>
      </c>
      <c r="C61" s="477">
        <v>6387</v>
      </c>
      <c r="D61" s="478">
        <v>3340</v>
      </c>
      <c r="E61" s="479">
        <v>3047</v>
      </c>
      <c r="F61" s="352">
        <v>539</v>
      </c>
      <c r="G61" s="478">
        <v>258</v>
      </c>
      <c r="H61" s="478">
        <v>281</v>
      </c>
      <c r="I61" s="478">
        <v>5401</v>
      </c>
      <c r="J61" s="478">
        <v>2887</v>
      </c>
      <c r="K61" s="478">
        <v>2514</v>
      </c>
      <c r="L61" s="352">
        <v>447</v>
      </c>
      <c r="M61" s="478">
        <v>195</v>
      </c>
      <c r="N61" s="477">
        <v>252</v>
      </c>
      <c r="O61" s="480"/>
    </row>
    <row r="62" spans="1:18" s="79" customFormat="1" ht="15" customHeight="1">
      <c r="A62" s="475"/>
      <c r="B62" s="481" t="s">
        <v>839</v>
      </c>
      <c r="C62" s="477">
        <v>1371</v>
      </c>
      <c r="D62" s="478">
        <v>707</v>
      </c>
      <c r="E62" s="479">
        <v>664</v>
      </c>
      <c r="F62" s="352">
        <v>119</v>
      </c>
      <c r="G62" s="478">
        <v>61</v>
      </c>
      <c r="H62" s="478">
        <v>58</v>
      </c>
      <c r="I62" s="478">
        <v>1104</v>
      </c>
      <c r="J62" s="478">
        <v>584</v>
      </c>
      <c r="K62" s="478">
        <v>520</v>
      </c>
      <c r="L62" s="352">
        <v>148</v>
      </c>
      <c r="M62" s="478">
        <v>62</v>
      </c>
      <c r="N62" s="477">
        <v>86</v>
      </c>
      <c r="O62" s="480"/>
      <c r="R62" s="79" t="s">
        <v>864</v>
      </c>
    </row>
    <row r="63" spans="1:18" s="79" customFormat="1" ht="15" customHeight="1">
      <c r="A63" s="475"/>
      <c r="B63" s="481" t="s">
        <v>840</v>
      </c>
      <c r="C63" s="477">
        <v>301</v>
      </c>
      <c r="D63" s="478">
        <v>172</v>
      </c>
      <c r="E63" s="479">
        <v>129</v>
      </c>
      <c r="F63" s="352">
        <v>14</v>
      </c>
      <c r="G63" s="478">
        <v>7</v>
      </c>
      <c r="H63" s="478">
        <v>7</v>
      </c>
      <c r="I63" s="478">
        <v>270</v>
      </c>
      <c r="J63" s="478">
        <v>157</v>
      </c>
      <c r="K63" s="478">
        <v>113</v>
      </c>
      <c r="L63" s="352">
        <v>17</v>
      </c>
      <c r="M63" s="478">
        <v>8</v>
      </c>
      <c r="N63" s="477">
        <v>9</v>
      </c>
      <c r="O63" s="480"/>
    </row>
    <row r="64" spans="1:18" s="79" customFormat="1" ht="15" customHeight="1">
      <c r="A64" s="475"/>
      <c r="B64" s="481" t="s">
        <v>841</v>
      </c>
      <c r="C64" s="477">
        <v>590</v>
      </c>
      <c r="D64" s="478">
        <v>334</v>
      </c>
      <c r="E64" s="479">
        <v>256</v>
      </c>
      <c r="F64" s="352">
        <v>60</v>
      </c>
      <c r="G64" s="478">
        <v>31</v>
      </c>
      <c r="H64" s="478">
        <v>29</v>
      </c>
      <c r="I64" s="478">
        <v>493</v>
      </c>
      <c r="J64" s="478">
        <v>283</v>
      </c>
      <c r="K64" s="478">
        <v>210</v>
      </c>
      <c r="L64" s="352">
        <v>37</v>
      </c>
      <c r="M64" s="478">
        <v>20</v>
      </c>
      <c r="N64" s="477">
        <v>17</v>
      </c>
      <c r="O64" s="480"/>
    </row>
    <row r="65" spans="1:17" s="79" customFormat="1" ht="15" customHeight="1">
      <c r="A65" s="475"/>
      <c r="B65" s="481" t="s">
        <v>842</v>
      </c>
      <c r="C65" s="477">
        <v>549</v>
      </c>
      <c r="D65" s="478">
        <v>208</v>
      </c>
      <c r="E65" s="479">
        <v>341</v>
      </c>
      <c r="F65" s="352">
        <v>33</v>
      </c>
      <c r="G65" s="478">
        <v>14</v>
      </c>
      <c r="H65" s="478">
        <v>19</v>
      </c>
      <c r="I65" s="478">
        <v>486</v>
      </c>
      <c r="J65" s="478">
        <v>182</v>
      </c>
      <c r="K65" s="478">
        <v>304</v>
      </c>
      <c r="L65" s="352">
        <v>30</v>
      </c>
      <c r="M65" s="478">
        <v>12</v>
      </c>
      <c r="N65" s="477">
        <v>18</v>
      </c>
      <c r="O65" s="480"/>
    </row>
    <row r="66" spans="1:17" s="79" customFormat="1" ht="15" customHeight="1">
      <c r="A66" s="475"/>
      <c r="B66" s="481" t="s">
        <v>293</v>
      </c>
      <c r="C66" s="477">
        <v>263</v>
      </c>
      <c r="D66" s="478">
        <v>138</v>
      </c>
      <c r="E66" s="479">
        <v>125</v>
      </c>
      <c r="F66" s="352">
        <v>11</v>
      </c>
      <c r="G66" s="478">
        <v>4</v>
      </c>
      <c r="H66" s="478">
        <v>7</v>
      </c>
      <c r="I66" s="478">
        <v>224</v>
      </c>
      <c r="J66" s="478">
        <v>119</v>
      </c>
      <c r="K66" s="478">
        <v>105</v>
      </c>
      <c r="L66" s="352">
        <v>28</v>
      </c>
      <c r="M66" s="478">
        <v>15</v>
      </c>
      <c r="N66" s="477">
        <v>13</v>
      </c>
      <c r="O66" s="480"/>
    </row>
    <row r="67" spans="1:17" s="79" customFormat="1" ht="15" customHeight="1">
      <c r="A67" s="475"/>
      <c r="B67" s="481" t="s">
        <v>286</v>
      </c>
      <c r="C67" s="477">
        <v>587</v>
      </c>
      <c r="D67" s="478">
        <v>311</v>
      </c>
      <c r="E67" s="479">
        <v>276</v>
      </c>
      <c r="F67" s="352">
        <v>77</v>
      </c>
      <c r="G67" s="478">
        <v>44</v>
      </c>
      <c r="H67" s="478">
        <v>33</v>
      </c>
      <c r="I67" s="478">
        <v>476</v>
      </c>
      <c r="J67" s="478">
        <v>251</v>
      </c>
      <c r="K67" s="478">
        <v>225</v>
      </c>
      <c r="L67" s="352">
        <v>34</v>
      </c>
      <c r="M67" s="478">
        <v>16</v>
      </c>
      <c r="N67" s="477">
        <v>18</v>
      </c>
      <c r="O67" s="480"/>
    </row>
    <row r="68" spans="1:17" s="79" customFormat="1" ht="15" customHeight="1">
      <c r="A68" s="475"/>
      <c r="B68" s="481" t="s">
        <v>285</v>
      </c>
      <c r="C68" s="477">
        <v>1031</v>
      </c>
      <c r="D68" s="478">
        <v>490</v>
      </c>
      <c r="E68" s="479">
        <v>541</v>
      </c>
      <c r="F68" s="352">
        <v>41</v>
      </c>
      <c r="G68" s="478">
        <v>25</v>
      </c>
      <c r="H68" s="478">
        <v>16</v>
      </c>
      <c r="I68" s="478">
        <v>884</v>
      </c>
      <c r="J68" s="478">
        <v>426</v>
      </c>
      <c r="K68" s="478">
        <v>458</v>
      </c>
      <c r="L68" s="352">
        <v>106</v>
      </c>
      <c r="M68" s="478">
        <v>39</v>
      </c>
      <c r="N68" s="477">
        <v>67</v>
      </c>
      <c r="O68" s="488"/>
      <c r="Q68" s="117"/>
    </row>
    <row r="69" spans="1:17" s="79" customFormat="1" ht="15" customHeight="1">
      <c r="A69" s="475"/>
      <c r="B69" s="481" t="s">
        <v>287</v>
      </c>
      <c r="C69" s="477">
        <v>203</v>
      </c>
      <c r="D69" s="478">
        <v>106</v>
      </c>
      <c r="E69" s="479">
        <v>97</v>
      </c>
      <c r="F69" s="352">
        <v>6</v>
      </c>
      <c r="G69" s="478">
        <v>3</v>
      </c>
      <c r="H69" s="478">
        <v>3</v>
      </c>
      <c r="I69" s="478">
        <v>156</v>
      </c>
      <c r="J69" s="478">
        <v>85</v>
      </c>
      <c r="K69" s="478">
        <v>71</v>
      </c>
      <c r="L69" s="352">
        <v>41</v>
      </c>
      <c r="M69" s="478">
        <v>18</v>
      </c>
      <c r="N69" s="477">
        <v>23</v>
      </c>
      <c r="O69" s="488"/>
    </row>
    <row r="70" spans="1:17" s="79" customFormat="1" ht="15" customHeight="1">
      <c r="A70" s="475"/>
      <c r="B70" s="481" t="s">
        <v>289</v>
      </c>
      <c r="C70" s="477">
        <v>1020</v>
      </c>
      <c r="D70" s="478">
        <v>503</v>
      </c>
      <c r="E70" s="479">
        <v>517</v>
      </c>
      <c r="F70" s="352">
        <v>69</v>
      </c>
      <c r="G70" s="478">
        <v>41</v>
      </c>
      <c r="H70" s="478">
        <v>28</v>
      </c>
      <c r="I70" s="478">
        <v>762</v>
      </c>
      <c r="J70" s="478">
        <v>385</v>
      </c>
      <c r="K70" s="478">
        <v>377</v>
      </c>
      <c r="L70" s="352">
        <v>189</v>
      </c>
      <c r="M70" s="478">
        <v>77</v>
      </c>
      <c r="N70" s="477">
        <v>112</v>
      </c>
      <c r="O70" s="488"/>
    </row>
    <row r="71" spans="1:17" s="79" customFormat="1" ht="11.25" customHeight="1" thickBot="1">
      <c r="A71" s="489"/>
      <c r="B71" s="490"/>
      <c r="C71" s="353"/>
      <c r="D71" s="354"/>
      <c r="E71" s="355"/>
      <c r="F71" s="356"/>
      <c r="G71" s="354"/>
      <c r="H71" s="354"/>
      <c r="I71" s="354"/>
      <c r="J71" s="354"/>
      <c r="K71" s="355"/>
      <c r="L71" s="356"/>
      <c r="M71" s="354"/>
      <c r="N71" s="353"/>
      <c r="O71" s="117"/>
    </row>
    <row r="72" spans="1:17" ht="9" customHeight="1" thickTop="1"/>
    <row r="73" spans="1:17" ht="15" customHeight="1">
      <c r="B73" s="349" t="s">
        <v>860</v>
      </c>
    </row>
  </sheetData>
  <mergeCells count="12">
    <mergeCell ref="A60:B60"/>
    <mergeCell ref="A6:B6"/>
    <mergeCell ref="A25:B25"/>
    <mergeCell ref="A33:B33"/>
    <mergeCell ref="A39:B39"/>
    <mergeCell ref="A40:B40"/>
    <mergeCell ref="A51:B51"/>
    <mergeCell ref="A3:B4"/>
    <mergeCell ref="C3:E3"/>
    <mergeCell ref="F3:H3"/>
    <mergeCell ref="I3:K3"/>
    <mergeCell ref="L3:N3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31"/>
  <sheetViews>
    <sheetView zoomScale="90" zoomScaleNormal="90" zoomScaleSheetLayoutView="75" workbookViewId="0"/>
  </sheetViews>
  <sheetFormatPr defaultRowHeight="13.5"/>
  <cols>
    <col min="1" max="1" width="2.75" style="386" customWidth="1"/>
    <col min="2" max="2" width="15" style="386" customWidth="1"/>
    <col min="3" max="3" width="12.625" style="386" customWidth="1"/>
    <col min="4" max="4" width="11.625" style="386" customWidth="1"/>
    <col min="5" max="5" width="10.625" style="386" customWidth="1"/>
    <col min="6" max="7" width="9.125" style="386" customWidth="1"/>
    <col min="8" max="8" width="10.25" style="386" customWidth="1"/>
    <col min="9" max="10" width="10.125" style="386" customWidth="1"/>
    <col min="11" max="11" width="12.75" style="386" customWidth="1"/>
    <col min="12" max="16384" width="9" style="386"/>
  </cols>
  <sheetData>
    <row r="1" spans="1:11" ht="20.25" customHeight="1" thickBot="1">
      <c r="A1" s="426" t="s">
        <v>865</v>
      </c>
      <c r="F1" s="357"/>
      <c r="G1" s="357"/>
      <c r="K1" s="358" t="s">
        <v>866</v>
      </c>
    </row>
    <row r="2" spans="1:11" ht="15" customHeight="1" thickTop="1">
      <c r="A2" s="1085" t="s">
        <v>867</v>
      </c>
      <c r="B2" s="1167"/>
      <c r="C2" s="427" t="s">
        <v>868</v>
      </c>
      <c r="D2" s="428" t="s">
        <v>869</v>
      </c>
      <c r="E2" s="37"/>
      <c r="F2" s="37"/>
      <c r="G2" s="37"/>
      <c r="H2" s="37"/>
      <c r="I2" s="37"/>
      <c r="J2" s="37"/>
      <c r="K2" s="359" t="s">
        <v>870</v>
      </c>
    </row>
    <row r="3" spans="1:11" ht="15" customHeight="1">
      <c r="A3" s="1086"/>
      <c r="B3" s="1168"/>
      <c r="C3" s="360" t="s">
        <v>871</v>
      </c>
      <c r="D3" s="361" t="s">
        <v>872</v>
      </c>
      <c r="E3" s="362"/>
      <c r="F3" s="363"/>
      <c r="G3" s="364"/>
      <c r="H3" s="362"/>
      <c r="I3" s="363"/>
      <c r="J3" s="363"/>
      <c r="K3" s="365" t="s">
        <v>873</v>
      </c>
    </row>
    <row r="4" spans="1:11" ht="15" customHeight="1">
      <c r="A4" s="1086"/>
      <c r="B4" s="1168"/>
      <c r="C4" s="360" t="s">
        <v>874</v>
      </c>
      <c r="D4" s="361" t="s">
        <v>875</v>
      </c>
      <c r="E4" s="365" t="s">
        <v>876</v>
      </c>
      <c r="F4" s="366" t="s">
        <v>877</v>
      </c>
      <c r="G4" s="366" t="s">
        <v>878</v>
      </c>
      <c r="H4" s="361" t="s">
        <v>879</v>
      </c>
      <c r="I4" s="366" t="s">
        <v>880</v>
      </c>
      <c r="J4" s="367" t="s">
        <v>881</v>
      </c>
      <c r="K4" s="365" t="s">
        <v>882</v>
      </c>
    </row>
    <row r="5" spans="1:11" ht="15" customHeight="1">
      <c r="A5" s="1087"/>
      <c r="B5" s="1169"/>
      <c r="C5" s="368" t="s">
        <v>883</v>
      </c>
      <c r="D5" s="369" t="s">
        <v>884</v>
      </c>
      <c r="E5" s="370" t="s">
        <v>885</v>
      </c>
      <c r="F5" s="368" t="s">
        <v>886</v>
      </c>
      <c r="G5" s="368" t="s">
        <v>887</v>
      </c>
      <c r="H5" s="369" t="s">
        <v>888</v>
      </c>
      <c r="I5" s="368" t="s">
        <v>889</v>
      </c>
      <c r="J5" s="370" t="s">
        <v>890</v>
      </c>
      <c r="K5" s="370" t="s">
        <v>883</v>
      </c>
    </row>
    <row r="6" spans="1:11" ht="12.75" customHeight="1">
      <c r="A6" s="429"/>
      <c r="B6" s="429"/>
      <c r="C6" s="371" t="s">
        <v>12</v>
      </c>
      <c r="D6" s="372" t="s">
        <v>12</v>
      </c>
      <c r="E6" s="373" t="s">
        <v>12</v>
      </c>
      <c r="F6" s="371" t="s">
        <v>12</v>
      </c>
      <c r="G6" s="374" t="s">
        <v>12</v>
      </c>
      <c r="H6" s="372" t="s">
        <v>12</v>
      </c>
      <c r="I6" s="371" t="s">
        <v>12</v>
      </c>
      <c r="J6" s="372" t="s">
        <v>12</v>
      </c>
      <c r="K6" s="373" t="s">
        <v>12</v>
      </c>
    </row>
    <row r="7" spans="1:11" ht="16.5" customHeight="1">
      <c r="A7" s="430"/>
      <c r="B7" s="431" t="s">
        <v>891</v>
      </c>
      <c r="C7" s="432">
        <v>9231177</v>
      </c>
      <c r="D7" s="984">
        <v>-5160</v>
      </c>
      <c r="E7" s="985">
        <v>-29983</v>
      </c>
      <c r="F7" s="434">
        <v>60549</v>
      </c>
      <c r="G7" s="434">
        <v>90532</v>
      </c>
      <c r="H7" s="990">
        <v>24823</v>
      </c>
      <c r="I7" s="434">
        <v>488358</v>
      </c>
      <c r="J7" s="435">
        <v>463535</v>
      </c>
      <c r="K7" s="435">
        <v>9236337</v>
      </c>
    </row>
    <row r="8" spans="1:11" s="436" customFormat="1" ht="17.25" customHeight="1">
      <c r="A8" s="1170" t="s">
        <v>892</v>
      </c>
      <c r="B8" s="1171"/>
      <c r="C8" s="432">
        <v>3772029</v>
      </c>
      <c r="D8" s="984">
        <v>-4257</v>
      </c>
      <c r="E8" s="985">
        <v>-11457</v>
      </c>
      <c r="F8" s="434">
        <v>24876</v>
      </c>
      <c r="G8" s="434">
        <v>36333</v>
      </c>
      <c r="H8" s="990">
        <v>7200</v>
      </c>
      <c r="I8" s="434">
        <v>214743</v>
      </c>
      <c r="J8" s="435">
        <v>207543</v>
      </c>
      <c r="K8" s="435">
        <v>3776286</v>
      </c>
    </row>
    <row r="9" spans="1:11">
      <c r="A9" s="437"/>
      <c r="B9" s="438" t="s">
        <v>786</v>
      </c>
      <c r="C9" s="439">
        <v>295580</v>
      </c>
      <c r="D9" s="986">
        <v>-1567</v>
      </c>
      <c r="E9" s="987">
        <v>-484</v>
      </c>
      <c r="F9" s="440">
        <v>2084</v>
      </c>
      <c r="G9" s="441">
        <v>2568</v>
      </c>
      <c r="H9" s="991">
        <v>-1083</v>
      </c>
      <c r="I9" s="442">
        <v>17100</v>
      </c>
      <c r="J9" s="385">
        <v>18183</v>
      </c>
      <c r="K9" s="443">
        <v>297147</v>
      </c>
    </row>
    <row r="10" spans="1:11">
      <c r="A10" s="437"/>
      <c r="B10" s="438" t="s">
        <v>787</v>
      </c>
      <c r="C10" s="439">
        <v>247444</v>
      </c>
      <c r="D10" s="986">
        <v>335</v>
      </c>
      <c r="E10" s="987">
        <v>-427</v>
      </c>
      <c r="F10" s="440">
        <v>1747</v>
      </c>
      <c r="G10" s="441">
        <v>2174</v>
      </c>
      <c r="H10" s="991">
        <v>762</v>
      </c>
      <c r="I10" s="442">
        <v>17607</v>
      </c>
      <c r="J10" s="385">
        <v>16845</v>
      </c>
      <c r="K10" s="443">
        <v>247109</v>
      </c>
    </row>
    <row r="11" spans="1:11">
      <c r="A11" s="437"/>
      <c r="B11" s="438" t="s">
        <v>788</v>
      </c>
      <c r="C11" s="439">
        <v>104483</v>
      </c>
      <c r="D11" s="986">
        <v>-278</v>
      </c>
      <c r="E11" s="987">
        <v>-134</v>
      </c>
      <c r="F11" s="440">
        <v>776</v>
      </c>
      <c r="G11" s="441">
        <v>910</v>
      </c>
      <c r="H11" s="991">
        <v>-144</v>
      </c>
      <c r="I11" s="442">
        <v>9470</v>
      </c>
      <c r="J11" s="385">
        <v>9614</v>
      </c>
      <c r="K11" s="443">
        <v>104761</v>
      </c>
    </row>
    <row r="12" spans="1:11">
      <c r="A12" s="437"/>
      <c r="B12" s="444" t="s">
        <v>789</v>
      </c>
      <c r="C12" s="439">
        <v>150271</v>
      </c>
      <c r="D12" s="986">
        <v>-1118</v>
      </c>
      <c r="E12" s="987">
        <v>-931</v>
      </c>
      <c r="F12" s="440">
        <v>819</v>
      </c>
      <c r="G12" s="441">
        <v>1750</v>
      </c>
      <c r="H12" s="991">
        <v>-187</v>
      </c>
      <c r="I12" s="442">
        <v>12454</v>
      </c>
      <c r="J12" s="385">
        <v>12641</v>
      </c>
      <c r="K12" s="443">
        <v>151389</v>
      </c>
    </row>
    <row r="13" spans="1:11">
      <c r="A13" s="437"/>
      <c r="B13" s="444" t="s">
        <v>790</v>
      </c>
      <c r="C13" s="439">
        <v>197517</v>
      </c>
      <c r="D13" s="986">
        <v>-579</v>
      </c>
      <c r="E13" s="987">
        <v>-1232</v>
      </c>
      <c r="F13" s="440">
        <v>1055</v>
      </c>
      <c r="G13" s="441">
        <v>2287</v>
      </c>
      <c r="H13" s="991">
        <v>653</v>
      </c>
      <c r="I13" s="442">
        <v>13308</v>
      </c>
      <c r="J13" s="385">
        <v>12655</v>
      </c>
      <c r="K13" s="443">
        <v>198096</v>
      </c>
    </row>
    <row r="14" spans="1:11">
      <c r="A14" s="437"/>
      <c r="B14" s="444" t="s">
        <v>893</v>
      </c>
      <c r="C14" s="439">
        <v>206631</v>
      </c>
      <c r="D14" s="986">
        <v>-1018</v>
      </c>
      <c r="E14" s="987">
        <v>-1056</v>
      </c>
      <c r="F14" s="440">
        <v>1244</v>
      </c>
      <c r="G14" s="441">
        <v>2300</v>
      </c>
      <c r="H14" s="991">
        <v>38</v>
      </c>
      <c r="I14" s="442">
        <v>11489</v>
      </c>
      <c r="J14" s="385">
        <v>11451</v>
      </c>
      <c r="K14" s="443">
        <v>207649</v>
      </c>
    </row>
    <row r="15" spans="1:11">
      <c r="A15" s="437"/>
      <c r="B15" s="444" t="s">
        <v>792</v>
      </c>
      <c r="C15" s="439">
        <v>166260</v>
      </c>
      <c r="D15" s="986">
        <v>-380</v>
      </c>
      <c r="E15" s="987">
        <v>-687</v>
      </c>
      <c r="F15" s="440">
        <v>1080</v>
      </c>
      <c r="G15" s="441">
        <v>1767</v>
      </c>
      <c r="H15" s="991">
        <v>307</v>
      </c>
      <c r="I15" s="442">
        <v>9094</v>
      </c>
      <c r="J15" s="385">
        <v>8787</v>
      </c>
      <c r="K15" s="443">
        <v>166640</v>
      </c>
    </row>
    <row r="16" spans="1:11">
      <c r="A16" s="437"/>
      <c r="B16" s="444" t="s">
        <v>793</v>
      </c>
      <c r="C16" s="439">
        <v>197646</v>
      </c>
      <c r="D16" s="986">
        <v>-950</v>
      </c>
      <c r="E16" s="987">
        <v>-1079</v>
      </c>
      <c r="F16" s="440">
        <v>964</v>
      </c>
      <c r="G16" s="441">
        <v>2043</v>
      </c>
      <c r="H16" s="991">
        <v>129</v>
      </c>
      <c r="I16" s="442">
        <v>9073</v>
      </c>
      <c r="J16" s="385">
        <v>8944</v>
      </c>
      <c r="K16" s="443">
        <v>198596</v>
      </c>
    </row>
    <row r="17" spans="1:11">
      <c r="A17" s="437"/>
      <c r="B17" s="444" t="s">
        <v>794</v>
      </c>
      <c r="C17" s="439">
        <v>359521</v>
      </c>
      <c r="D17" s="986">
        <v>994</v>
      </c>
      <c r="E17" s="987">
        <v>329</v>
      </c>
      <c r="F17" s="440">
        <v>3036</v>
      </c>
      <c r="G17" s="441">
        <v>2707</v>
      </c>
      <c r="H17" s="991">
        <v>665</v>
      </c>
      <c r="I17" s="442">
        <v>24007</v>
      </c>
      <c r="J17" s="385">
        <v>23342</v>
      </c>
      <c r="K17" s="443">
        <v>358527</v>
      </c>
    </row>
    <row r="18" spans="1:11">
      <c r="A18" s="437"/>
      <c r="B18" s="444" t="s">
        <v>795</v>
      </c>
      <c r="C18" s="439">
        <v>284084</v>
      </c>
      <c r="D18" s="986">
        <v>220</v>
      </c>
      <c r="E18" s="987">
        <v>-617</v>
      </c>
      <c r="F18" s="440">
        <v>2075</v>
      </c>
      <c r="G18" s="441">
        <v>2692</v>
      </c>
      <c r="H18" s="991">
        <v>837</v>
      </c>
      <c r="I18" s="442">
        <v>13089</v>
      </c>
      <c r="J18" s="385">
        <v>12252</v>
      </c>
      <c r="K18" s="443">
        <v>283864</v>
      </c>
    </row>
    <row r="19" spans="1:11">
      <c r="A19" s="437"/>
      <c r="B19" s="444" t="s">
        <v>796</v>
      </c>
      <c r="C19" s="439">
        <v>215222</v>
      </c>
      <c r="D19" s="986">
        <v>123</v>
      </c>
      <c r="E19" s="987">
        <v>-864</v>
      </c>
      <c r="F19" s="440">
        <v>1342</v>
      </c>
      <c r="G19" s="441">
        <v>2206</v>
      </c>
      <c r="H19" s="991">
        <v>987</v>
      </c>
      <c r="I19" s="442">
        <v>10119</v>
      </c>
      <c r="J19" s="385">
        <v>9132</v>
      </c>
      <c r="K19" s="443">
        <v>215099</v>
      </c>
    </row>
    <row r="20" spans="1:11">
      <c r="A20" s="437"/>
      <c r="B20" s="444" t="s">
        <v>797</v>
      </c>
      <c r="C20" s="439">
        <v>243359</v>
      </c>
      <c r="D20" s="986">
        <v>-1441</v>
      </c>
      <c r="E20" s="987">
        <v>-1527</v>
      </c>
      <c r="F20" s="440">
        <v>1431</v>
      </c>
      <c r="G20" s="441">
        <v>2958</v>
      </c>
      <c r="H20" s="991">
        <v>86</v>
      </c>
      <c r="I20" s="442">
        <v>9784</v>
      </c>
      <c r="J20" s="385">
        <v>9698</v>
      </c>
      <c r="K20" s="443">
        <v>244800</v>
      </c>
    </row>
    <row r="21" spans="1:11">
      <c r="A21" s="437"/>
      <c r="B21" s="444" t="s">
        <v>798</v>
      </c>
      <c r="C21" s="439">
        <v>183222</v>
      </c>
      <c r="D21" s="986">
        <v>-106</v>
      </c>
      <c r="E21" s="987">
        <v>-451</v>
      </c>
      <c r="F21" s="440">
        <v>1283</v>
      </c>
      <c r="G21" s="441">
        <v>1734</v>
      </c>
      <c r="H21" s="991">
        <v>345</v>
      </c>
      <c r="I21" s="442">
        <v>9647</v>
      </c>
      <c r="J21" s="385">
        <v>9302</v>
      </c>
      <c r="K21" s="443">
        <v>183328</v>
      </c>
    </row>
    <row r="22" spans="1:11">
      <c r="A22" s="437"/>
      <c r="B22" s="444" t="s">
        <v>799</v>
      </c>
      <c r="C22" s="439">
        <v>122052</v>
      </c>
      <c r="D22" s="986">
        <v>-428</v>
      </c>
      <c r="E22" s="987">
        <v>-755</v>
      </c>
      <c r="F22" s="440">
        <v>710</v>
      </c>
      <c r="G22" s="441">
        <v>1465</v>
      </c>
      <c r="H22" s="991">
        <v>327</v>
      </c>
      <c r="I22" s="442">
        <v>5414</v>
      </c>
      <c r="J22" s="385">
        <v>5087</v>
      </c>
      <c r="K22" s="443">
        <v>122480</v>
      </c>
    </row>
    <row r="23" spans="1:11">
      <c r="A23" s="437"/>
      <c r="B23" s="444" t="s">
        <v>800</v>
      </c>
      <c r="C23" s="439">
        <v>120613</v>
      </c>
      <c r="D23" s="986">
        <v>562</v>
      </c>
      <c r="E23" s="987">
        <v>-506</v>
      </c>
      <c r="F23" s="440">
        <v>763</v>
      </c>
      <c r="G23" s="441">
        <v>1269</v>
      </c>
      <c r="H23" s="991">
        <v>1068</v>
      </c>
      <c r="I23" s="442">
        <v>6379</v>
      </c>
      <c r="J23" s="385">
        <v>5311</v>
      </c>
      <c r="K23" s="443">
        <v>120051</v>
      </c>
    </row>
    <row r="24" spans="1:11">
      <c r="A24" s="437"/>
      <c r="B24" s="444" t="s">
        <v>801</v>
      </c>
      <c r="C24" s="439">
        <v>152087</v>
      </c>
      <c r="D24" s="986">
        <v>-252</v>
      </c>
      <c r="E24" s="987">
        <v>-692</v>
      </c>
      <c r="F24" s="440">
        <v>965</v>
      </c>
      <c r="G24" s="441">
        <v>1657</v>
      </c>
      <c r="H24" s="991">
        <v>440</v>
      </c>
      <c r="I24" s="442">
        <v>6513</v>
      </c>
      <c r="J24" s="385">
        <v>6073</v>
      </c>
      <c r="K24" s="443">
        <v>152339</v>
      </c>
    </row>
    <row r="25" spans="1:11">
      <c r="A25" s="437"/>
      <c r="B25" s="444" t="s">
        <v>802</v>
      </c>
      <c r="C25" s="439">
        <v>311146</v>
      </c>
      <c r="D25" s="986">
        <v>137</v>
      </c>
      <c r="E25" s="987">
        <v>-472</v>
      </c>
      <c r="F25" s="440">
        <v>1989</v>
      </c>
      <c r="G25" s="441">
        <v>2461</v>
      </c>
      <c r="H25" s="991">
        <v>609</v>
      </c>
      <c r="I25" s="442">
        <v>17549</v>
      </c>
      <c r="J25" s="385">
        <v>16940</v>
      </c>
      <c r="K25" s="443">
        <v>311009</v>
      </c>
    </row>
    <row r="26" spans="1:11">
      <c r="A26" s="437"/>
      <c r="B26" s="444" t="s">
        <v>803</v>
      </c>
      <c r="C26" s="439">
        <v>214891</v>
      </c>
      <c r="D26" s="986">
        <v>1489</v>
      </c>
      <c r="E26" s="987">
        <v>128</v>
      </c>
      <c r="F26" s="440">
        <v>1513</v>
      </c>
      <c r="G26" s="441">
        <v>1385</v>
      </c>
      <c r="H26" s="991">
        <v>1361</v>
      </c>
      <c r="I26" s="442">
        <v>12647</v>
      </c>
      <c r="J26" s="385">
        <v>11286</v>
      </c>
      <c r="K26" s="443">
        <v>213402</v>
      </c>
    </row>
    <row r="27" spans="1:11" s="436" customFormat="1" ht="18" customHeight="1">
      <c r="A27" s="1170" t="s">
        <v>894</v>
      </c>
      <c r="B27" s="1171"/>
      <c r="C27" s="432">
        <v>1538825</v>
      </c>
      <c r="D27" s="984">
        <v>692</v>
      </c>
      <c r="E27" s="988">
        <v>-156</v>
      </c>
      <c r="F27" s="446">
        <v>12279</v>
      </c>
      <c r="G27" s="447">
        <v>12435</v>
      </c>
      <c r="H27" s="992">
        <v>848</v>
      </c>
      <c r="I27" s="447">
        <v>102481</v>
      </c>
      <c r="J27" s="433">
        <v>101633</v>
      </c>
      <c r="K27" s="448">
        <v>1538133</v>
      </c>
    </row>
    <row r="28" spans="1:11">
      <c r="A28" s="437"/>
      <c r="B28" s="444" t="s">
        <v>805</v>
      </c>
      <c r="C28" s="439">
        <v>230553</v>
      </c>
      <c r="D28" s="986">
        <v>-1917</v>
      </c>
      <c r="E28" s="987">
        <v>-1045</v>
      </c>
      <c r="F28" s="440">
        <v>1555</v>
      </c>
      <c r="G28" s="441">
        <v>2600</v>
      </c>
      <c r="H28" s="991">
        <v>-872</v>
      </c>
      <c r="I28" s="442">
        <v>14603</v>
      </c>
      <c r="J28" s="385">
        <v>15475</v>
      </c>
      <c r="K28" s="443">
        <v>232470</v>
      </c>
    </row>
    <row r="29" spans="1:11">
      <c r="A29" s="437"/>
      <c r="B29" s="444" t="s">
        <v>806</v>
      </c>
      <c r="C29" s="439">
        <v>171272</v>
      </c>
      <c r="D29" s="986">
        <v>136</v>
      </c>
      <c r="E29" s="987">
        <v>23</v>
      </c>
      <c r="F29" s="440">
        <v>1547</v>
      </c>
      <c r="G29" s="441">
        <v>1524</v>
      </c>
      <c r="H29" s="991">
        <v>113</v>
      </c>
      <c r="I29" s="442">
        <v>10638</v>
      </c>
      <c r="J29" s="385">
        <v>10525</v>
      </c>
      <c r="K29" s="443">
        <v>171136</v>
      </c>
    </row>
    <row r="30" spans="1:11">
      <c r="A30" s="437"/>
      <c r="B30" s="444" t="s">
        <v>807</v>
      </c>
      <c r="C30" s="439">
        <v>264214</v>
      </c>
      <c r="D30" s="986">
        <v>297</v>
      </c>
      <c r="E30" s="987">
        <v>890</v>
      </c>
      <c r="F30" s="440">
        <v>2579</v>
      </c>
      <c r="G30" s="441">
        <v>1689</v>
      </c>
      <c r="H30" s="991">
        <v>-593</v>
      </c>
      <c r="I30" s="442">
        <v>21013</v>
      </c>
      <c r="J30" s="385">
        <v>21606</v>
      </c>
      <c r="K30" s="443">
        <v>263917</v>
      </c>
    </row>
    <row r="31" spans="1:11">
      <c r="A31" s="437"/>
      <c r="B31" s="444" t="s">
        <v>808</v>
      </c>
      <c r="C31" s="439">
        <v>234478</v>
      </c>
      <c r="D31" s="986">
        <v>229</v>
      </c>
      <c r="E31" s="987">
        <v>167</v>
      </c>
      <c r="F31" s="440">
        <v>1899</v>
      </c>
      <c r="G31" s="441">
        <v>1732</v>
      </c>
      <c r="H31" s="991">
        <v>62</v>
      </c>
      <c r="I31" s="442">
        <v>16284</v>
      </c>
      <c r="J31" s="385">
        <v>16222</v>
      </c>
      <c r="K31" s="443">
        <v>234249</v>
      </c>
    </row>
    <row r="32" spans="1:11">
      <c r="A32" s="437"/>
      <c r="B32" s="444" t="s">
        <v>809</v>
      </c>
      <c r="C32" s="439">
        <v>223088</v>
      </c>
      <c r="D32" s="986">
        <v>1366</v>
      </c>
      <c r="E32" s="987">
        <v>95</v>
      </c>
      <c r="F32" s="440">
        <v>1751</v>
      </c>
      <c r="G32" s="441">
        <v>1656</v>
      </c>
      <c r="H32" s="991">
        <v>1271</v>
      </c>
      <c r="I32" s="442">
        <v>16361</v>
      </c>
      <c r="J32" s="385">
        <v>15090</v>
      </c>
      <c r="K32" s="443">
        <v>221722</v>
      </c>
    </row>
    <row r="33" spans="1:11">
      <c r="A33" s="437"/>
      <c r="B33" s="444" t="s">
        <v>810</v>
      </c>
      <c r="C33" s="439">
        <v>234394</v>
      </c>
      <c r="D33" s="986">
        <v>612</v>
      </c>
      <c r="E33" s="987">
        <v>-39</v>
      </c>
      <c r="F33" s="440">
        <v>1740</v>
      </c>
      <c r="G33" s="441">
        <v>1779</v>
      </c>
      <c r="H33" s="991">
        <v>651</v>
      </c>
      <c r="I33" s="442">
        <v>13772</v>
      </c>
      <c r="J33" s="385">
        <v>13121</v>
      </c>
      <c r="K33" s="443">
        <v>233782</v>
      </c>
    </row>
    <row r="34" spans="1:11">
      <c r="A34" s="437"/>
      <c r="B34" s="444" t="s">
        <v>811</v>
      </c>
      <c r="C34" s="439">
        <v>180826</v>
      </c>
      <c r="D34" s="986">
        <v>-31</v>
      </c>
      <c r="E34" s="987">
        <v>-247</v>
      </c>
      <c r="F34" s="440">
        <v>1208</v>
      </c>
      <c r="G34" s="441">
        <v>1455</v>
      </c>
      <c r="H34" s="991">
        <v>216</v>
      </c>
      <c r="I34" s="442">
        <v>9810</v>
      </c>
      <c r="J34" s="385">
        <v>9594</v>
      </c>
      <c r="K34" s="443">
        <v>180857</v>
      </c>
    </row>
    <row r="35" spans="1:11" ht="18" customHeight="1">
      <c r="A35" s="1165" t="s">
        <v>895</v>
      </c>
      <c r="B35" s="1166"/>
      <c r="C35" s="432">
        <v>685839</v>
      </c>
      <c r="D35" s="984">
        <v>-4919</v>
      </c>
      <c r="E35" s="988">
        <v>-5686</v>
      </c>
      <c r="F35" s="446">
        <v>3404</v>
      </c>
      <c r="G35" s="447">
        <v>9090</v>
      </c>
      <c r="H35" s="984">
        <v>767</v>
      </c>
      <c r="I35" s="446">
        <v>26923</v>
      </c>
      <c r="J35" s="433">
        <v>26156</v>
      </c>
      <c r="K35" s="445">
        <v>690758</v>
      </c>
    </row>
    <row r="36" spans="1:11">
      <c r="A36" s="437"/>
      <c r="B36" s="444" t="s">
        <v>813</v>
      </c>
      <c r="C36" s="439">
        <v>383260</v>
      </c>
      <c r="D36" s="986">
        <v>-4029</v>
      </c>
      <c r="E36" s="987">
        <v>-3308</v>
      </c>
      <c r="F36" s="440">
        <v>1844</v>
      </c>
      <c r="G36" s="441">
        <v>5152</v>
      </c>
      <c r="H36" s="991">
        <v>-721</v>
      </c>
      <c r="I36" s="442">
        <v>14118</v>
      </c>
      <c r="J36" s="385">
        <v>14839</v>
      </c>
      <c r="K36" s="443">
        <v>387289</v>
      </c>
    </row>
    <row r="37" spans="1:11">
      <c r="A37" s="437"/>
      <c r="B37" s="444" t="s">
        <v>814</v>
      </c>
      <c r="C37" s="439">
        <v>172698</v>
      </c>
      <c r="D37" s="986">
        <v>-2</v>
      </c>
      <c r="E37" s="987">
        <v>-1160</v>
      </c>
      <c r="F37" s="440">
        <v>933</v>
      </c>
      <c r="G37" s="441">
        <v>2093</v>
      </c>
      <c r="H37" s="991">
        <v>1158</v>
      </c>
      <c r="I37" s="442">
        <v>7854</v>
      </c>
      <c r="J37" s="385">
        <v>6696</v>
      </c>
      <c r="K37" s="443">
        <v>172700</v>
      </c>
    </row>
    <row r="38" spans="1:11">
      <c r="A38" s="437"/>
      <c r="B38" s="444" t="s">
        <v>815</v>
      </c>
      <c r="C38" s="439">
        <v>56869</v>
      </c>
      <c r="D38" s="986">
        <v>-207</v>
      </c>
      <c r="E38" s="987">
        <v>-369</v>
      </c>
      <c r="F38" s="440">
        <v>343</v>
      </c>
      <c r="G38" s="441">
        <v>712</v>
      </c>
      <c r="H38" s="991">
        <v>162</v>
      </c>
      <c r="I38" s="442">
        <v>2457</v>
      </c>
      <c r="J38" s="385">
        <v>2295</v>
      </c>
      <c r="K38" s="443">
        <v>57076</v>
      </c>
    </row>
    <row r="39" spans="1:11">
      <c r="A39" s="437"/>
      <c r="B39" s="444" t="s">
        <v>816</v>
      </c>
      <c r="C39" s="439">
        <v>41361</v>
      </c>
      <c r="D39" s="986">
        <v>-627</v>
      </c>
      <c r="E39" s="987">
        <v>-610</v>
      </c>
      <c r="F39" s="440">
        <v>157</v>
      </c>
      <c r="G39" s="441">
        <v>767</v>
      </c>
      <c r="H39" s="991">
        <v>-17</v>
      </c>
      <c r="I39" s="442">
        <v>1164</v>
      </c>
      <c r="J39" s="385">
        <v>1181</v>
      </c>
      <c r="K39" s="443">
        <v>41988</v>
      </c>
    </row>
    <row r="40" spans="1:11">
      <c r="A40" s="437"/>
      <c r="B40" s="444" t="s">
        <v>817</v>
      </c>
      <c r="C40" s="439">
        <v>31651</v>
      </c>
      <c r="D40" s="986">
        <v>-54</v>
      </c>
      <c r="E40" s="987">
        <v>-239</v>
      </c>
      <c r="F40" s="440">
        <v>127</v>
      </c>
      <c r="G40" s="441">
        <v>366</v>
      </c>
      <c r="H40" s="991">
        <v>185</v>
      </c>
      <c r="I40" s="442">
        <v>1330</v>
      </c>
      <c r="J40" s="385">
        <v>1145</v>
      </c>
      <c r="K40" s="443">
        <v>31705</v>
      </c>
    </row>
    <row r="41" spans="1:11" ht="17.25" customHeight="1">
      <c r="A41" s="1165" t="s">
        <v>896</v>
      </c>
      <c r="B41" s="1166"/>
      <c r="C41" s="432">
        <v>1586768</v>
      </c>
      <c r="D41" s="984">
        <v>2129</v>
      </c>
      <c r="E41" s="988">
        <v>-4997</v>
      </c>
      <c r="F41" s="446">
        <v>10274</v>
      </c>
      <c r="G41" s="446">
        <v>15271</v>
      </c>
      <c r="H41" s="984">
        <v>7126</v>
      </c>
      <c r="I41" s="446">
        <v>76182</v>
      </c>
      <c r="J41" s="433">
        <v>69056</v>
      </c>
      <c r="K41" s="445">
        <v>1584639</v>
      </c>
    </row>
    <row r="42" spans="1:11">
      <c r="A42" s="1172" t="s">
        <v>897</v>
      </c>
      <c r="B42" s="1173"/>
      <c r="C42" s="439">
        <v>726025</v>
      </c>
      <c r="D42" s="986">
        <v>511</v>
      </c>
      <c r="E42" s="987">
        <v>-2581</v>
      </c>
      <c r="F42" s="440">
        <v>4545</v>
      </c>
      <c r="G42" s="441">
        <v>7126</v>
      </c>
      <c r="H42" s="991">
        <v>3092</v>
      </c>
      <c r="I42" s="442">
        <v>34124</v>
      </c>
      <c r="J42" s="385">
        <v>31032</v>
      </c>
      <c r="K42" s="443">
        <v>725514</v>
      </c>
    </row>
    <row r="43" spans="1:11">
      <c r="A43" s="431"/>
      <c r="B43" s="444" t="s">
        <v>898</v>
      </c>
      <c r="C43" s="439">
        <v>169461</v>
      </c>
      <c r="D43" s="986">
        <v>-558</v>
      </c>
      <c r="E43" s="987">
        <v>-808</v>
      </c>
      <c r="F43" s="440">
        <v>960</v>
      </c>
      <c r="G43" s="441">
        <v>1768</v>
      </c>
      <c r="H43" s="991">
        <v>250</v>
      </c>
      <c r="I43" s="442">
        <v>7108</v>
      </c>
      <c r="J43" s="385">
        <v>6858</v>
      </c>
      <c r="K43" s="443">
        <v>170019</v>
      </c>
    </row>
    <row r="44" spans="1:11">
      <c r="A44" s="431"/>
      <c r="B44" s="444" t="s">
        <v>899</v>
      </c>
      <c r="C44" s="439">
        <v>274070</v>
      </c>
      <c r="D44" s="986">
        <v>78</v>
      </c>
      <c r="E44" s="987">
        <v>-949</v>
      </c>
      <c r="F44" s="440">
        <v>1704</v>
      </c>
      <c r="G44" s="441">
        <v>2653</v>
      </c>
      <c r="H44" s="991">
        <v>1027</v>
      </c>
      <c r="I44" s="442">
        <v>12063</v>
      </c>
      <c r="J44" s="385">
        <v>11036</v>
      </c>
      <c r="K44" s="443">
        <v>273992</v>
      </c>
    </row>
    <row r="45" spans="1:11" ht="13.5" customHeight="1">
      <c r="A45" s="431"/>
      <c r="B45" s="449" t="s">
        <v>900</v>
      </c>
      <c r="C45" s="450">
        <v>282494</v>
      </c>
      <c r="D45" s="989">
        <v>991</v>
      </c>
      <c r="E45" s="987">
        <v>-824</v>
      </c>
      <c r="F45" s="440">
        <v>1881</v>
      </c>
      <c r="G45" s="441">
        <v>2705</v>
      </c>
      <c r="H45" s="991">
        <v>1815</v>
      </c>
      <c r="I45" s="442">
        <v>14953</v>
      </c>
      <c r="J45" s="385">
        <v>13138</v>
      </c>
      <c r="K45" s="451">
        <v>281503</v>
      </c>
    </row>
    <row r="46" spans="1:11">
      <c r="A46" s="437"/>
      <c r="B46" s="444" t="s">
        <v>823</v>
      </c>
      <c r="C46" s="439">
        <v>223571</v>
      </c>
      <c r="D46" s="986">
        <v>-259</v>
      </c>
      <c r="E46" s="987">
        <v>-821</v>
      </c>
      <c r="F46" s="440">
        <v>1302</v>
      </c>
      <c r="G46" s="441">
        <v>2123</v>
      </c>
      <c r="H46" s="991">
        <v>562</v>
      </c>
      <c r="I46" s="442">
        <v>10144</v>
      </c>
      <c r="J46" s="385">
        <v>9582</v>
      </c>
      <c r="K46" s="443">
        <v>223830</v>
      </c>
    </row>
    <row r="47" spans="1:11">
      <c r="A47" s="437"/>
      <c r="B47" s="444" t="s">
        <v>824</v>
      </c>
      <c r="C47" s="439">
        <v>241583</v>
      </c>
      <c r="D47" s="986">
        <v>1939</v>
      </c>
      <c r="E47" s="987">
        <v>-429</v>
      </c>
      <c r="F47" s="440">
        <v>1819</v>
      </c>
      <c r="G47" s="441">
        <v>2248</v>
      </c>
      <c r="H47" s="991">
        <v>2368</v>
      </c>
      <c r="I47" s="442">
        <v>13570</v>
      </c>
      <c r="J47" s="385">
        <v>11202</v>
      </c>
      <c r="K47" s="443">
        <v>239644</v>
      </c>
    </row>
    <row r="48" spans="1:11">
      <c r="A48" s="437"/>
      <c r="B48" s="444" t="s">
        <v>825</v>
      </c>
      <c r="C48" s="439">
        <v>137523</v>
      </c>
      <c r="D48" s="986">
        <v>824</v>
      </c>
      <c r="E48" s="987">
        <v>-156</v>
      </c>
      <c r="F48" s="440">
        <v>1018</v>
      </c>
      <c r="G48" s="441">
        <v>1174</v>
      </c>
      <c r="H48" s="991">
        <v>980</v>
      </c>
      <c r="I48" s="442">
        <v>6699</v>
      </c>
      <c r="J48" s="385">
        <v>5719</v>
      </c>
      <c r="K48" s="443">
        <v>136699</v>
      </c>
    </row>
    <row r="49" spans="1:11">
      <c r="A49" s="437"/>
      <c r="B49" s="444" t="s">
        <v>826</v>
      </c>
      <c r="C49" s="439">
        <v>132260</v>
      </c>
      <c r="D49" s="986">
        <v>-135</v>
      </c>
      <c r="E49" s="987">
        <v>-423</v>
      </c>
      <c r="F49" s="440">
        <v>833</v>
      </c>
      <c r="G49" s="441">
        <v>1256</v>
      </c>
      <c r="H49" s="991">
        <v>288</v>
      </c>
      <c r="I49" s="442">
        <v>6224</v>
      </c>
      <c r="J49" s="385">
        <v>5936</v>
      </c>
      <c r="K49" s="443">
        <v>132395</v>
      </c>
    </row>
    <row r="50" spans="1:11">
      <c r="A50" s="437"/>
      <c r="B50" s="444" t="s">
        <v>827</v>
      </c>
      <c r="C50" s="439">
        <v>83304</v>
      </c>
      <c r="D50" s="986">
        <v>-441</v>
      </c>
      <c r="E50" s="987">
        <v>-292</v>
      </c>
      <c r="F50" s="440">
        <v>559</v>
      </c>
      <c r="G50" s="441">
        <v>851</v>
      </c>
      <c r="H50" s="991">
        <v>-149</v>
      </c>
      <c r="I50" s="442">
        <v>3688</v>
      </c>
      <c r="J50" s="385">
        <v>3837</v>
      </c>
      <c r="K50" s="443">
        <v>83745</v>
      </c>
    </row>
    <row r="51" spans="1:11">
      <c r="A51" s="437"/>
      <c r="B51" s="444" t="s">
        <v>828</v>
      </c>
      <c r="C51" s="439">
        <v>39492</v>
      </c>
      <c r="D51" s="986">
        <v>-287</v>
      </c>
      <c r="E51" s="987">
        <v>-272</v>
      </c>
      <c r="F51" s="440">
        <v>185</v>
      </c>
      <c r="G51" s="441">
        <v>457</v>
      </c>
      <c r="H51" s="991">
        <v>-15</v>
      </c>
      <c r="I51" s="442">
        <v>1632</v>
      </c>
      <c r="J51" s="385">
        <v>1647</v>
      </c>
      <c r="K51" s="443">
        <v>39779</v>
      </c>
    </row>
    <row r="52" spans="1:11">
      <c r="A52" s="437"/>
      <c r="B52" s="444" t="s">
        <v>300</v>
      </c>
      <c r="C52" s="439">
        <v>3010</v>
      </c>
      <c r="D52" s="986">
        <v>-23</v>
      </c>
      <c r="E52" s="987">
        <v>-23</v>
      </c>
      <c r="F52" s="440">
        <v>13</v>
      </c>
      <c r="G52" s="441">
        <v>36</v>
      </c>
      <c r="H52" s="991">
        <v>0</v>
      </c>
      <c r="I52" s="442">
        <v>101</v>
      </c>
      <c r="J52" s="385">
        <v>101</v>
      </c>
      <c r="K52" s="443">
        <v>3033</v>
      </c>
    </row>
    <row r="53" spans="1:11" ht="17.25" customHeight="1">
      <c r="A53" s="1165" t="s">
        <v>901</v>
      </c>
      <c r="B53" s="1166"/>
      <c r="C53" s="432">
        <v>1313636</v>
      </c>
      <c r="D53" s="984">
        <v>3234</v>
      </c>
      <c r="E53" s="988">
        <v>-5088</v>
      </c>
      <c r="F53" s="446">
        <v>7986</v>
      </c>
      <c r="G53" s="446">
        <v>13074</v>
      </c>
      <c r="H53" s="984">
        <v>8322</v>
      </c>
      <c r="I53" s="446">
        <v>55167</v>
      </c>
      <c r="J53" s="433">
        <v>46845</v>
      </c>
      <c r="K53" s="445">
        <v>1310402</v>
      </c>
    </row>
    <row r="54" spans="1:11">
      <c r="A54" s="437"/>
      <c r="B54" s="444" t="s">
        <v>830</v>
      </c>
      <c r="C54" s="439">
        <v>257631</v>
      </c>
      <c r="D54" s="986">
        <v>-667</v>
      </c>
      <c r="E54" s="987">
        <v>-1398</v>
      </c>
      <c r="F54" s="440">
        <v>1417</v>
      </c>
      <c r="G54" s="441">
        <v>2815</v>
      </c>
      <c r="H54" s="991">
        <v>731</v>
      </c>
      <c r="I54" s="442">
        <v>8918</v>
      </c>
      <c r="J54" s="385">
        <v>8187</v>
      </c>
      <c r="K54" s="443">
        <v>258298</v>
      </c>
    </row>
    <row r="55" spans="1:11">
      <c r="A55" s="437"/>
      <c r="B55" s="444" t="s">
        <v>292</v>
      </c>
      <c r="C55" s="439">
        <v>441708</v>
      </c>
      <c r="D55" s="986">
        <v>3637</v>
      </c>
      <c r="E55" s="987">
        <v>-930</v>
      </c>
      <c r="F55" s="440">
        <v>3099</v>
      </c>
      <c r="G55" s="441">
        <v>4029</v>
      </c>
      <c r="H55" s="991">
        <v>4567</v>
      </c>
      <c r="I55" s="442">
        <v>21470</v>
      </c>
      <c r="J55" s="385">
        <v>16903</v>
      </c>
      <c r="K55" s="443">
        <v>438071</v>
      </c>
    </row>
    <row r="56" spans="1:11">
      <c r="A56" s="437"/>
      <c r="B56" s="444" t="s">
        <v>831</v>
      </c>
      <c r="C56" s="439">
        <v>243835</v>
      </c>
      <c r="D56" s="986">
        <v>1365</v>
      </c>
      <c r="E56" s="987">
        <v>-793</v>
      </c>
      <c r="F56" s="440">
        <v>1525</v>
      </c>
      <c r="G56" s="441">
        <v>2318</v>
      </c>
      <c r="H56" s="991">
        <v>2158</v>
      </c>
      <c r="I56" s="442">
        <v>10146</v>
      </c>
      <c r="J56" s="385">
        <v>7988</v>
      </c>
      <c r="K56" s="443">
        <v>242470</v>
      </c>
    </row>
    <row r="57" spans="1:11">
      <c r="A57" s="437"/>
      <c r="B57" s="444" t="s">
        <v>832</v>
      </c>
      <c r="C57" s="439">
        <v>161949</v>
      </c>
      <c r="D57" s="986">
        <v>-430</v>
      </c>
      <c r="E57" s="987">
        <v>-829</v>
      </c>
      <c r="F57" s="440">
        <v>780</v>
      </c>
      <c r="G57" s="441">
        <v>1609</v>
      </c>
      <c r="H57" s="991">
        <v>399</v>
      </c>
      <c r="I57" s="442">
        <v>5821</v>
      </c>
      <c r="J57" s="385">
        <v>5422</v>
      </c>
      <c r="K57" s="443">
        <v>162379</v>
      </c>
    </row>
    <row r="58" spans="1:11">
      <c r="A58" s="437"/>
      <c r="B58" s="444" t="s">
        <v>833</v>
      </c>
      <c r="C58" s="439">
        <v>101113</v>
      </c>
      <c r="D58" s="986">
        <v>-418</v>
      </c>
      <c r="E58" s="987">
        <v>-422</v>
      </c>
      <c r="F58" s="440">
        <v>603</v>
      </c>
      <c r="G58" s="441">
        <v>1025</v>
      </c>
      <c r="H58" s="991">
        <v>4</v>
      </c>
      <c r="I58" s="442">
        <v>4463</v>
      </c>
      <c r="J58" s="385">
        <v>4459</v>
      </c>
      <c r="K58" s="443">
        <v>101531</v>
      </c>
    </row>
    <row r="59" spans="1:11">
      <c r="A59" s="437"/>
      <c r="B59" s="444" t="s">
        <v>834</v>
      </c>
      <c r="C59" s="439">
        <v>48570</v>
      </c>
      <c r="D59" s="986">
        <v>132</v>
      </c>
      <c r="E59" s="987">
        <v>-214</v>
      </c>
      <c r="F59" s="440">
        <v>306</v>
      </c>
      <c r="G59" s="441">
        <v>520</v>
      </c>
      <c r="H59" s="991">
        <v>346</v>
      </c>
      <c r="I59" s="442">
        <v>2115</v>
      </c>
      <c r="J59" s="385">
        <v>1769</v>
      </c>
      <c r="K59" s="443">
        <v>48438</v>
      </c>
    </row>
    <row r="60" spans="1:11">
      <c r="A60" s="437"/>
      <c r="B60" s="444" t="s">
        <v>835</v>
      </c>
      <c r="C60" s="439">
        <v>31461</v>
      </c>
      <c r="D60" s="986">
        <v>-247</v>
      </c>
      <c r="E60" s="987">
        <v>-255</v>
      </c>
      <c r="F60" s="440">
        <v>140</v>
      </c>
      <c r="G60" s="441">
        <v>395</v>
      </c>
      <c r="H60" s="991">
        <v>8</v>
      </c>
      <c r="I60" s="442">
        <v>1132</v>
      </c>
      <c r="J60" s="385">
        <v>1124</v>
      </c>
      <c r="K60" s="443">
        <v>31708</v>
      </c>
    </row>
    <row r="61" spans="1:11">
      <c r="A61" s="437"/>
      <c r="B61" s="444" t="s">
        <v>836</v>
      </c>
      <c r="C61" s="439">
        <v>27369</v>
      </c>
      <c r="D61" s="986">
        <v>-138</v>
      </c>
      <c r="E61" s="987">
        <v>-247</v>
      </c>
      <c r="F61" s="440">
        <v>116</v>
      </c>
      <c r="G61" s="441">
        <v>363</v>
      </c>
      <c r="H61" s="991">
        <v>109</v>
      </c>
      <c r="I61" s="442">
        <v>1102</v>
      </c>
      <c r="J61" s="385">
        <v>993</v>
      </c>
      <c r="K61" s="443">
        <v>27507</v>
      </c>
    </row>
    <row r="62" spans="1:11" ht="17.25" customHeight="1">
      <c r="A62" s="1165" t="s">
        <v>902</v>
      </c>
      <c r="B62" s="1166"/>
      <c r="C62" s="432">
        <v>334080</v>
      </c>
      <c r="D62" s="984">
        <v>-2039</v>
      </c>
      <c r="E62" s="988">
        <v>-2599</v>
      </c>
      <c r="F62" s="445">
        <v>1730</v>
      </c>
      <c r="G62" s="445">
        <v>4329</v>
      </c>
      <c r="H62" s="988">
        <v>560</v>
      </c>
      <c r="I62" s="445">
        <v>12862</v>
      </c>
      <c r="J62" s="445">
        <v>12302</v>
      </c>
      <c r="K62" s="445">
        <v>336119</v>
      </c>
    </row>
    <row r="63" spans="1:11">
      <c r="A63" s="437"/>
      <c r="B63" s="444" t="s">
        <v>838</v>
      </c>
      <c r="C63" s="439">
        <v>188025</v>
      </c>
      <c r="D63" s="986">
        <v>-684</v>
      </c>
      <c r="E63" s="987">
        <v>-1239</v>
      </c>
      <c r="F63" s="440">
        <v>1068</v>
      </c>
      <c r="G63" s="441">
        <v>2307</v>
      </c>
      <c r="H63" s="991">
        <v>555</v>
      </c>
      <c r="I63" s="442">
        <v>6942</v>
      </c>
      <c r="J63" s="385">
        <v>6387</v>
      </c>
      <c r="K63" s="443">
        <v>188709</v>
      </c>
    </row>
    <row r="64" spans="1:11">
      <c r="A64" s="437"/>
      <c r="B64" s="444" t="s">
        <v>839</v>
      </c>
      <c r="C64" s="439">
        <v>40332</v>
      </c>
      <c r="D64" s="986">
        <v>-399</v>
      </c>
      <c r="E64" s="987">
        <v>-350</v>
      </c>
      <c r="F64" s="440">
        <v>163</v>
      </c>
      <c r="G64" s="441">
        <v>513</v>
      </c>
      <c r="H64" s="991">
        <v>-49</v>
      </c>
      <c r="I64" s="442">
        <v>1322</v>
      </c>
      <c r="J64" s="385">
        <v>1371</v>
      </c>
      <c r="K64" s="443">
        <v>40731</v>
      </c>
    </row>
    <row r="65" spans="1:11">
      <c r="A65" s="437"/>
      <c r="B65" s="444" t="s">
        <v>840</v>
      </c>
      <c r="C65" s="439">
        <v>9100</v>
      </c>
      <c r="D65" s="986">
        <v>-163</v>
      </c>
      <c r="E65" s="987">
        <v>-99</v>
      </c>
      <c r="F65" s="440">
        <v>32</v>
      </c>
      <c r="G65" s="441">
        <v>131</v>
      </c>
      <c r="H65" s="991">
        <v>-64</v>
      </c>
      <c r="I65" s="442">
        <v>237</v>
      </c>
      <c r="J65" s="385">
        <v>301</v>
      </c>
      <c r="K65" s="443">
        <v>9263</v>
      </c>
    </row>
    <row r="66" spans="1:11">
      <c r="A66" s="437"/>
      <c r="B66" s="444" t="s">
        <v>841</v>
      </c>
      <c r="C66" s="439">
        <v>17195</v>
      </c>
      <c r="D66" s="986">
        <v>34</v>
      </c>
      <c r="E66" s="987">
        <v>-63</v>
      </c>
      <c r="F66" s="440">
        <v>113</v>
      </c>
      <c r="G66" s="441">
        <v>176</v>
      </c>
      <c r="H66" s="991">
        <v>97</v>
      </c>
      <c r="I66" s="442">
        <v>687</v>
      </c>
      <c r="J66" s="385">
        <v>590</v>
      </c>
      <c r="K66" s="443">
        <v>17161</v>
      </c>
    </row>
    <row r="67" spans="1:11">
      <c r="A67" s="437"/>
      <c r="B67" s="444" t="s">
        <v>842</v>
      </c>
      <c r="C67" s="439">
        <v>10613</v>
      </c>
      <c r="D67" s="986">
        <v>-176</v>
      </c>
      <c r="E67" s="987">
        <v>-85</v>
      </c>
      <c r="F67" s="440">
        <v>47</v>
      </c>
      <c r="G67" s="441">
        <v>132</v>
      </c>
      <c r="H67" s="991">
        <v>-91</v>
      </c>
      <c r="I67" s="442">
        <v>458</v>
      </c>
      <c r="J67" s="385">
        <v>549</v>
      </c>
      <c r="K67" s="443">
        <v>10789</v>
      </c>
    </row>
    <row r="68" spans="1:11">
      <c r="A68" s="437"/>
      <c r="B68" s="444" t="s">
        <v>293</v>
      </c>
      <c r="C68" s="439">
        <v>9556</v>
      </c>
      <c r="D68" s="986">
        <v>-177</v>
      </c>
      <c r="E68" s="987">
        <v>-138</v>
      </c>
      <c r="F68" s="440">
        <v>30</v>
      </c>
      <c r="G68" s="441">
        <v>168</v>
      </c>
      <c r="H68" s="991">
        <v>-39</v>
      </c>
      <c r="I68" s="442">
        <v>224</v>
      </c>
      <c r="J68" s="385">
        <v>263</v>
      </c>
      <c r="K68" s="443">
        <v>9733</v>
      </c>
    </row>
    <row r="69" spans="1:11">
      <c r="A69" s="437"/>
      <c r="B69" s="444" t="s">
        <v>286</v>
      </c>
      <c r="C69" s="439">
        <v>18561</v>
      </c>
      <c r="D69" s="986">
        <v>163</v>
      </c>
      <c r="E69" s="987">
        <v>6</v>
      </c>
      <c r="F69" s="440">
        <v>152</v>
      </c>
      <c r="G69" s="441">
        <v>146</v>
      </c>
      <c r="H69" s="991">
        <v>157</v>
      </c>
      <c r="I69" s="442">
        <v>744</v>
      </c>
      <c r="J69" s="385">
        <v>587</v>
      </c>
      <c r="K69" s="443">
        <v>18398</v>
      </c>
    </row>
    <row r="70" spans="1:11">
      <c r="A70" s="437"/>
      <c r="B70" s="444" t="s">
        <v>285</v>
      </c>
      <c r="C70" s="439">
        <v>11082</v>
      </c>
      <c r="D70" s="986">
        <v>-163</v>
      </c>
      <c r="E70" s="987">
        <v>-152</v>
      </c>
      <c r="F70" s="440">
        <v>25</v>
      </c>
      <c r="G70" s="441">
        <v>177</v>
      </c>
      <c r="H70" s="991">
        <v>-11</v>
      </c>
      <c r="I70" s="442">
        <v>1020</v>
      </c>
      <c r="J70" s="385">
        <v>1031</v>
      </c>
      <c r="K70" s="443">
        <v>11245</v>
      </c>
    </row>
    <row r="71" spans="1:11">
      <c r="A71" s="437"/>
      <c r="B71" s="444" t="s">
        <v>287</v>
      </c>
      <c r="C71" s="439">
        <v>6575</v>
      </c>
      <c r="D71" s="986">
        <v>-132</v>
      </c>
      <c r="E71" s="987">
        <v>-120</v>
      </c>
      <c r="F71" s="440">
        <v>18</v>
      </c>
      <c r="G71" s="441">
        <v>138</v>
      </c>
      <c r="H71" s="991">
        <v>-12</v>
      </c>
      <c r="I71" s="442">
        <v>191</v>
      </c>
      <c r="J71" s="385">
        <v>203</v>
      </c>
      <c r="K71" s="443">
        <v>6707</v>
      </c>
    </row>
    <row r="72" spans="1:11">
      <c r="A72" s="437"/>
      <c r="B72" s="444" t="s">
        <v>289</v>
      </c>
      <c r="C72" s="439">
        <v>23041</v>
      </c>
      <c r="D72" s="986">
        <v>-342</v>
      </c>
      <c r="E72" s="987">
        <v>-359</v>
      </c>
      <c r="F72" s="440">
        <v>82</v>
      </c>
      <c r="G72" s="441">
        <v>441</v>
      </c>
      <c r="H72" s="991">
        <v>17</v>
      </c>
      <c r="I72" s="442">
        <v>1037</v>
      </c>
      <c r="J72" s="385">
        <v>1020</v>
      </c>
      <c r="K72" s="443">
        <v>23383</v>
      </c>
    </row>
    <row r="73" spans="1:11" ht="14.25" thickBot="1">
      <c r="A73" s="452"/>
      <c r="B73" s="453"/>
      <c r="C73" s="375"/>
      <c r="D73" s="376"/>
      <c r="E73" s="377"/>
      <c r="F73" s="377"/>
      <c r="G73" s="377"/>
      <c r="H73" s="378"/>
      <c r="I73" s="379"/>
      <c r="J73" s="380"/>
      <c r="K73" s="381"/>
    </row>
    <row r="74" spans="1:11" ht="10.5" customHeight="1" thickTop="1">
      <c r="A74" s="454"/>
      <c r="B74" s="455"/>
      <c r="C74" s="382"/>
      <c r="D74" s="383"/>
      <c r="E74" s="384"/>
      <c r="F74" s="384"/>
      <c r="G74" s="384"/>
      <c r="H74" s="384"/>
      <c r="I74" s="385"/>
      <c r="J74" s="385"/>
      <c r="K74" s="382"/>
    </row>
    <row r="75" spans="1:11">
      <c r="A75" s="1" t="s">
        <v>903</v>
      </c>
      <c r="B75" s="3"/>
      <c r="C75" s="456"/>
      <c r="D75" s="3"/>
      <c r="E75" s="3"/>
      <c r="F75" s="3"/>
      <c r="G75" s="3"/>
      <c r="H75" s="3"/>
      <c r="I75" s="3" t="s">
        <v>904</v>
      </c>
      <c r="J75" s="3"/>
      <c r="K75" s="3"/>
    </row>
    <row r="76" spans="1:11">
      <c r="A76" s="1" t="s">
        <v>905</v>
      </c>
      <c r="B76" s="3"/>
      <c r="C76" s="456"/>
      <c r="D76" s="3"/>
      <c r="E76" s="3"/>
      <c r="F76" s="3"/>
      <c r="G76" s="3"/>
      <c r="H76" s="3"/>
      <c r="I76" s="3" t="s">
        <v>906</v>
      </c>
      <c r="J76" s="3"/>
      <c r="K76" s="3"/>
    </row>
    <row r="77" spans="1:11" ht="17.25">
      <c r="B77" s="457"/>
      <c r="C77" s="458"/>
    </row>
    <row r="78" spans="1:11" ht="14.25">
      <c r="B78" s="459"/>
      <c r="C78" s="458"/>
    </row>
    <row r="79" spans="1:11">
      <c r="C79" s="458"/>
    </row>
    <row r="80" spans="1:11">
      <c r="C80" s="458"/>
    </row>
    <row r="81" spans="3:3">
      <c r="C81" s="458"/>
    </row>
    <row r="82" spans="3:3">
      <c r="C82" s="458"/>
    </row>
    <row r="83" spans="3:3">
      <c r="C83" s="458"/>
    </row>
    <row r="84" spans="3:3">
      <c r="C84" s="458"/>
    </row>
    <row r="85" spans="3:3">
      <c r="C85" s="458"/>
    </row>
    <row r="86" spans="3:3">
      <c r="C86" s="458"/>
    </row>
    <row r="87" spans="3:3">
      <c r="C87" s="458"/>
    </row>
    <row r="88" spans="3:3">
      <c r="C88" s="458"/>
    </row>
    <row r="89" spans="3:3">
      <c r="C89" s="458"/>
    </row>
    <row r="90" spans="3:3">
      <c r="C90" s="458"/>
    </row>
    <row r="91" spans="3:3">
      <c r="C91" s="458"/>
    </row>
    <row r="92" spans="3:3">
      <c r="C92" s="458"/>
    </row>
    <row r="93" spans="3:3">
      <c r="C93" s="458"/>
    </row>
    <row r="94" spans="3:3">
      <c r="C94" s="458"/>
    </row>
    <row r="95" spans="3:3">
      <c r="C95" s="458"/>
    </row>
    <row r="96" spans="3:3">
      <c r="C96" s="458"/>
    </row>
    <row r="97" spans="3:3">
      <c r="C97" s="458"/>
    </row>
    <row r="98" spans="3:3">
      <c r="C98" s="458"/>
    </row>
    <row r="99" spans="3:3">
      <c r="C99" s="458"/>
    </row>
    <row r="100" spans="3:3">
      <c r="C100" s="458"/>
    </row>
    <row r="101" spans="3:3">
      <c r="C101" s="458"/>
    </row>
    <row r="102" spans="3:3">
      <c r="C102" s="458"/>
    </row>
    <row r="103" spans="3:3">
      <c r="C103" s="458"/>
    </row>
    <row r="104" spans="3:3">
      <c r="C104" s="458"/>
    </row>
    <row r="105" spans="3:3">
      <c r="C105" s="458"/>
    </row>
    <row r="106" spans="3:3">
      <c r="C106" s="458"/>
    </row>
    <row r="107" spans="3:3">
      <c r="C107" s="458"/>
    </row>
    <row r="108" spans="3:3">
      <c r="C108" s="458"/>
    </row>
    <row r="109" spans="3:3">
      <c r="C109" s="458"/>
    </row>
    <row r="110" spans="3:3">
      <c r="C110" s="458"/>
    </row>
    <row r="111" spans="3:3">
      <c r="C111" s="458"/>
    </row>
    <row r="112" spans="3:3">
      <c r="C112" s="458"/>
    </row>
    <row r="113" spans="3:3">
      <c r="C113" s="458"/>
    </row>
    <row r="114" spans="3:3">
      <c r="C114" s="458"/>
    </row>
    <row r="115" spans="3:3">
      <c r="C115" s="458"/>
    </row>
    <row r="116" spans="3:3">
      <c r="C116" s="458"/>
    </row>
    <row r="117" spans="3:3">
      <c r="C117" s="458"/>
    </row>
    <row r="118" spans="3:3">
      <c r="C118" s="458"/>
    </row>
    <row r="119" spans="3:3">
      <c r="C119" s="458"/>
    </row>
    <row r="120" spans="3:3">
      <c r="C120" s="458"/>
    </row>
    <row r="121" spans="3:3">
      <c r="C121" s="458"/>
    </row>
    <row r="122" spans="3:3">
      <c r="C122" s="458"/>
    </row>
    <row r="123" spans="3:3">
      <c r="C123" s="458"/>
    </row>
    <row r="124" spans="3:3">
      <c r="C124" s="458"/>
    </row>
    <row r="125" spans="3:3">
      <c r="C125" s="458"/>
    </row>
    <row r="126" spans="3:3">
      <c r="C126" s="458"/>
    </row>
    <row r="127" spans="3:3">
      <c r="C127" s="458"/>
    </row>
    <row r="128" spans="3:3">
      <c r="C128" s="458"/>
    </row>
    <row r="129" spans="3:3">
      <c r="C129" s="458"/>
    </row>
    <row r="130" spans="3:3">
      <c r="C130" s="458"/>
    </row>
    <row r="131" spans="3:3">
      <c r="C131" s="458"/>
    </row>
    <row r="132" spans="3:3">
      <c r="C132" s="458"/>
    </row>
    <row r="133" spans="3:3">
      <c r="C133" s="458"/>
    </row>
    <row r="134" spans="3:3">
      <c r="C134" s="458"/>
    </row>
    <row r="135" spans="3:3">
      <c r="C135" s="458"/>
    </row>
    <row r="136" spans="3:3">
      <c r="C136" s="458"/>
    </row>
    <row r="137" spans="3:3">
      <c r="C137" s="458"/>
    </row>
    <row r="138" spans="3:3">
      <c r="C138" s="458"/>
    </row>
    <row r="139" spans="3:3">
      <c r="C139" s="458"/>
    </row>
    <row r="140" spans="3:3">
      <c r="C140" s="458"/>
    </row>
    <row r="141" spans="3:3">
      <c r="C141" s="458"/>
    </row>
    <row r="142" spans="3:3">
      <c r="C142" s="458"/>
    </row>
    <row r="143" spans="3:3">
      <c r="C143" s="458"/>
    </row>
    <row r="144" spans="3:3">
      <c r="C144" s="458"/>
    </row>
    <row r="145" spans="3:3">
      <c r="C145" s="458"/>
    </row>
    <row r="146" spans="3:3">
      <c r="C146" s="458"/>
    </row>
    <row r="147" spans="3:3">
      <c r="C147" s="458"/>
    </row>
    <row r="148" spans="3:3">
      <c r="C148" s="458"/>
    </row>
    <row r="149" spans="3:3">
      <c r="C149" s="458"/>
    </row>
    <row r="150" spans="3:3">
      <c r="C150" s="458"/>
    </row>
    <row r="151" spans="3:3">
      <c r="C151" s="458"/>
    </row>
    <row r="152" spans="3:3">
      <c r="C152" s="458"/>
    </row>
    <row r="153" spans="3:3">
      <c r="C153" s="458"/>
    </row>
    <row r="154" spans="3:3">
      <c r="C154" s="458"/>
    </row>
    <row r="155" spans="3:3">
      <c r="C155" s="458"/>
    </row>
    <row r="156" spans="3:3">
      <c r="C156" s="458"/>
    </row>
    <row r="157" spans="3:3">
      <c r="C157" s="458"/>
    </row>
    <row r="158" spans="3:3">
      <c r="C158" s="458"/>
    </row>
    <row r="159" spans="3:3">
      <c r="C159" s="458"/>
    </row>
    <row r="160" spans="3:3">
      <c r="C160" s="458"/>
    </row>
    <row r="161" spans="3:3">
      <c r="C161" s="458"/>
    </row>
    <row r="162" spans="3:3">
      <c r="C162" s="458"/>
    </row>
    <row r="163" spans="3:3">
      <c r="C163" s="458"/>
    </row>
    <row r="164" spans="3:3">
      <c r="C164" s="458"/>
    </row>
    <row r="165" spans="3:3">
      <c r="C165" s="458"/>
    </row>
    <row r="166" spans="3:3">
      <c r="C166" s="458"/>
    </row>
    <row r="167" spans="3:3">
      <c r="C167" s="458"/>
    </row>
    <row r="168" spans="3:3">
      <c r="C168" s="458"/>
    </row>
    <row r="169" spans="3:3">
      <c r="C169" s="458"/>
    </row>
    <row r="170" spans="3:3">
      <c r="C170" s="458"/>
    </row>
    <row r="171" spans="3:3">
      <c r="C171" s="458"/>
    </row>
    <row r="172" spans="3:3">
      <c r="C172" s="458"/>
    </row>
    <row r="173" spans="3:3">
      <c r="C173" s="458"/>
    </row>
    <row r="174" spans="3:3">
      <c r="C174" s="458"/>
    </row>
    <row r="175" spans="3:3">
      <c r="C175" s="458"/>
    </row>
    <row r="176" spans="3:3">
      <c r="C176" s="458"/>
    </row>
    <row r="177" spans="3:3">
      <c r="C177" s="458"/>
    </row>
    <row r="178" spans="3:3">
      <c r="C178" s="458"/>
    </row>
    <row r="179" spans="3:3">
      <c r="C179" s="458"/>
    </row>
    <row r="180" spans="3:3">
      <c r="C180" s="458"/>
    </row>
    <row r="181" spans="3:3">
      <c r="C181" s="458"/>
    </row>
    <row r="182" spans="3:3">
      <c r="C182" s="458"/>
    </row>
    <row r="183" spans="3:3">
      <c r="C183" s="458"/>
    </row>
    <row r="184" spans="3:3">
      <c r="C184" s="458"/>
    </row>
    <row r="185" spans="3:3">
      <c r="C185" s="458"/>
    </row>
    <row r="186" spans="3:3">
      <c r="C186" s="458"/>
    </row>
    <row r="187" spans="3:3">
      <c r="C187" s="458"/>
    </row>
    <row r="188" spans="3:3">
      <c r="C188" s="458"/>
    </row>
    <row r="189" spans="3:3">
      <c r="C189" s="458"/>
    </row>
    <row r="190" spans="3:3">
      <c r="C190" s="458"/>
    </row>
    <row r="191" spans="3:3">
      <c r="C191" s="458"/>
    </row>
    <row r="192" spans="3:3">
      <c r="C192" s="458"/>
    </row>
    <row r="193" spans="3:3">
      <c r="C193" s="458"/>
    </row>
    <row r="194" spans="3:3">
      <c r="C194" s="458"/>
    </row>
    <row r="195" spans="3:3">
      <c r="C195" s="458"/>
    </row>
    <row r="196" spans="3:3">
      <c r="C196" s="458"/>
    </row>
    <row r="197" spans="3:3">
      <c r="C197" s="458"/>
    </row>
    <row r="198" spans="3:3">
      <c r="C198" s="458"/>
    </row>
    <row r="199" spans="3:3">
      <c r="C199" s="458"/>
    </row>
    <row r="200" spans="3:3">
      <c r="C200" s="458"/>
    </row>
    <row r="201" spans="3:3">
      <c r="C201" s="458"/>
    </row>
    <row r="202" spans="3:3">
      <c r="C202" s="458"/>
    </row>
    <row r="203" spans="3:3">
      <c r="C203" s="458"/>
    </row>
    <row r="204" spans="3:3">
      <c r="C204" s="458"/>
    </row>
    <row r="205" spans="3:3">
      <c r="C205" s="458"/>
    </row>
    <row r="206" spans="3:3">
      <c r="C206" s="458"/>
    </row>
    <row r="207" spans="3:3">
      <c r="C207" s="458"/>
    </row>
    <row r="208" spans="3:3">
      <c r="C208" s="458"/>
    </row>
    <row r="209" spans="3:3">
      <c r="C209" s="458"/>
    </row>
    <row r="210" spans="3:3">
      <c r="C210" s="458"/>
    </row>
    <row r="211" spans="3:3">
      <c r="C211" s="458"/>
    </row>
    <row r="212" spans="3:3">
      <c r="C212" s="458"/>
    </row>
    <row r="213" spans="3:3">
      <c r="C213" s="458"/>
    </row>
    <row r="214" spans="3:3">
      <c r="C214" s="458"/>
    </row>
    <row r="215" spans="3:3">
      <c r="C215" s="458"/>
    </row>
    <row r="216" spans="3:3">
      <c r="C216" s="458"/>
    </row>
    <row r="217" spans="3:3">
      <c r="C217" s="458"/>
    </row>
    <row r="218" spans="3:3">
      <c r="C218" s="458"/>
    </row>
    <row r="219" spans="3:3">
      <c r="C219" s="458"/>
    </row>
    <row r="220" spans="3:3">
      <c r="C220" s="458"/>
    </row>
    <row r="221" spans="3:3">
      <c r="C221" s="458"/>
    </row>
    <row r="222" spans="3:3">
      <c r="C222" s="458"/>
    </row>
    <row r="223" spans="3:3">
      <c r="C223" s="458"/>
    </row>
    <row r="224" spans="3:3">
      <c r="C224" s="458"/>
    </row>
    <row r="225" spans="3:3">
      <c r="C225" s="458"/>
    </row>
    <row r="226" spans="3:3">
      <c r="C226" s="458"/>
    </row>
    <row r="227" spans="3:3">
      <c r="C227" s="458"/>
    </row>
    <row r="228" spans="3:3">
      <c r="C228" s="458"/>
    </row>
    <row r="229" spans="3:3">
      <c r="C229" s="458"/>
    </row>
    <row r="230" spans="3:3">
      <c r="C230" s="458"/>
    </row>
    <row r="231" spans="3:3">
      <c r="C231" s="458"/>
    </row>
    <row r="232" spans="3:3">
      <c r="C232" s="458"/>
    </row>
    <row r="233" spans="3:3">
      <c r="C233" s="458"/>
    </row>
    <row r="234" spans="3:3">
      <c r="C234" s="458"/>
    </row>
    <row r="235" spans="3:3">
      <c r="C235" s="458"/>
    </row>
    <row r="236" spans="3:3">
      <c r="C236" s="458"/>
    </row>
    <row r="237" spans="3:3">
      <c r="C237" s="458"/>
    </row>
    <row r="238" spans="3:3">
      <c r="C238" s="458"/>
    </row>
    <row r="239" spans="3:3">
      <c r="C239" s="458"/>
    </row>
    <row r="240" spans="3:3">
      <c r="C240" s="458"/>
    </row>
    <row r="241" spans="3:3">
      <c r="C241" s="458"/>
    </row>
    <row r="242" spans="3:3">
      <c r="C242" s="458"/>
    </row>
    <row r="243" spans="3:3">
      <c r="C243" s="458"/>
    </row>
    <row r="244" spans="3:3">
      <c r="C244" s="458"/>
    </row>
    <row r="245" spans="3:3">
      <c r="C245" s="458"/>
    </row>
    <row r="246" spans="3:3">
      <c r="C246" s="458"/>
    </row>
    <row r="247" spans="3:3">
      <c r="C247" s="458"/>
    </row>
    <row r="248" spans="3:3">
      <c r="C248" s="458"/>
    </row>
    <row r="249" spans="3:3">
      <c r="C249" s="458"/>
    </row>
    <row r="250" spans="3:3">
      <c r="C250" s="458"/>
    </row>
    <row r="251" spans="3:3">
      <c r="C251" s="458"/>
    </row>
    <row r="252" spans="3:3">
      <c r="C252" s="458"/>
    </row>
    <row r="253" spans="3:3">
      <c r="C253" s="458"/>
    </row>
    <row r="254" spans="3:3">
      <c r="C254" s="458"/>
    </row>
    <row r="255" spans="3:3">
      <c r="C255" s="458"/>
    </row>
    <row r="256" spans="3:3">
      <c r="C256" s="458"/>
    </row>
    <row r="257" spans="3:3">
      <c r="C257" s="458"/>
    </row>
    <row r="258" spans="3:3">
      <c r="C258" s="458"/>
    </row>
    <row r="259" spans="3:3">
      <c r="C259" s="458"/>
    </row>
    <row r="260" spans="3:3">
      <c r="C260" s="458"/>
    </row>
    <row r="261" spans="3:3">
      <c r="C261" s="458"/>
    </row>
    <row r="262" spans="3:3">
      <c r="C262" s="458"/>
    </row>
    <row r="263" spans="3:3">
      <c r="C263" s="458"/>
    </row>
    <row r="264" spans="3:3">
      <c r="C264" s="458"/>
    </row>
    <row r="265" spans="3:3">
      <c r="C265" s="458"/>
    </row>
    <row r="266" spans="3:3">
      <c r="C266" s="458"/>
    </row>
    <row r="267" spans="3:3">
      <c r="C267" s="458"/>
    </row>
    <row r="268" spans="3:3">
      <c r="C268" s="458"/>
    </row>
    <row r="269" spans="3:3">
      <c r="C269" s="458"/>
    </row>
    <row r="270" spans="3:3">
      <c r="C270" s="458"/>
    </row>
    <row r="271" spans="3:3">
      <c r="C271" s="458"/>
    </row>
    <row r="272" spans="3:3">
      <c r="C272" s="458"/>
    </row>
    <row r="273" spans="3:3">
      <c r="C273" s="458"/>
    </row>
    <row r="274" spans="3:3">
      <c r="C274" s="458"/>
    </row>
    <row r="275" spans="3:3">
      <c r="C275" s="458"/>
    </row>
    <row r="276" spans="3:3">
      <c r="C276" s="458"/>
    </row>
    <row r="277" spans="3:3">
      <c r="C277" s="458"/>
    </row>
    <row r="278" spans="3:3">
      <c r="C278" s="458"/>
    </row>
    <row r="279" spans="3:3">
      <c r="C279" s="458"/>
    </row>
    <row r="280" spans="3:3">
      <c r="C280" s="458"/>
    </row>
    <row r="281" spans="3:3">
      <c r="C281" s="458"/>
    </row>
    <row r="282" spans="3:3">
      <c r="C282" s="458"/>
    </row>
    <row r="283" spans="3:3">
      <c r="C283" s="458"/>
    </row>
    <row r="284" spans="3:3">
      <c r="C284" s="458"/>
    </row>
    <row r="285" spans="3:3">
      <c r="C285" s="458"/>
    </row>
    <row r="286" spans="3:3">
      <c r="C286" s="458"/>
    </row>
    <row r="287" spans="3:3">
      <c r="C287" s="458"/>
    </row>
    <row r="288" spans="3:3">
      <c r="C288" s="458"/>
    </row>
    <row r="289" spans="3:3">
      <c r="C289" s="458"/>
    </row>
    <row r="290" spans="3:3">
      <c r="C290" s="458"/>
    </row>
    <row r="291" spans="3:3">
      <c r="C291" s="458"/>
    </row>
    <row r="292" spans="3:3">
      <c r="C292" s="458"/>
    </row>
    <row r="293" spans="3:3">
      <c r="C293" s="458"/>
    </row>
    <row r="294" spans="3:3">
      <c r="C294" s="458"/>
    </row>
    <row r="295" spans="3:3">
      <c r="C295" s="458"/>
    </row>
    <row r="296" spans="3:3">
      <c r="C296" s="458"/>
    </row>
    <row r="297" spans="3:3">
      <c r="C297" s="458"/>
    </row>
    <row r="298" spans="3:3">
      <c r="C298" s="458"/>
    </row>
    <row r="299" spans="3:3">
      <c r="C299" s="458"/>
    </row>
    <row r="300" spans="3:3">
      <c r="C300" s="458"/>
    </row>
    <row r="301" spans="3:3">
      <c r="C301" s="458"/>
    </row>
    <row r="302" spans="3:3">
      <c r="C302" s="458"/>
    </row>
    <row r="303" spans="3:3">
      <c r="C303" s="458"/>
    </row>
    <row r="304" spans="3:3">
      <c r="C304" s="458"/>
    </row>
    <row r="305" spans="3:3">
      <c r="C305" s="458"/>
    </row>
    <row r="306" spans="3:3">
      <c r="C306" s="458"/>
    </row>
    <row r="307" spans="3:3">
      <c r="C307" s="458"/>
    </row>
    <row r="308" spans="3:3">
      <c r="C308" s="458"/>
    </row>
    <row r="309" spans="3:3">
      <c r="C309" s="458"/>
    </row>
    <row r="310" spans="3:3">
      <c r="C310" s="458"/>
    </row>
    <row r="311" spans="3:3">
      <c r="C311" s="458"/>
    </row>
    <row r="312" spans="3:3">
      <c r="C312" s="458"/>
    </row>
    <row r="313" spans="3:3">
      <c r="C313" s="458"/>
    </row>
    <row r="314" spans="3:3">
      <c r="C314" s="458"/>
    </row>
    <row r="315" spans="3:3">
      <c r="C315" s="458"/>
    </row>
    <row r="316" spans="3:3">
      <c r="C316" s="458"/>
    </row>
    <row r="317" spans="3:3">
      <c r="C317" s="458"/>
    </row>
    <row r="318" spans="3:3">
      <c r="C318" s="458"/>
    </row>
    <row r="319" spans="3:3">
      <c r="C319" s="458"/>
    </row>
    <row r="320" spans="3:3">
      <c r="C320" s="458"/>
    </row>
    <row r="321" spans="3:3">
      <c r="C321" s="458"/>
    </row>
    <row r="322" spans="3:3">
      <c r="C322" s="458"/>
    </row>
    <row r="323" spans="3:3">
      <c r="C323" s="458"/>
    </row>
    <row r="324" spans="3:3">
      <c r="C324" s="458"/>
    </row>
    <row r="325" spans="3:3">
      <c r="C325" s="458"/>
    </row>
    <row r="326" spans="3:3">
      <c r="C326" s="458"/>
    </row>
    <row r="327" spans="3:3">
      <c r="C327" s="458"/>
    </row>
    <row r="328" spans="3:3">
      <c r="C328" s="458"/>
    </row>
    <row r="329" spans="3:3">
      <c r="C329" s="458"/>
    </row>
    <row r="330" spans="3:3">
      <c r="C330" s="458"/>
    </row>
    <row r="331" spans="3:3">
      <c r="C331" s="458"/>
    </row>
    <row r="332" spans="3:3">
      <c r="C332" s="458"/>
    </row>
    <row r="333" spans="3:3">
      <c r="C333" s="458"/>
    </row>
    <row r="334" spans="3:3">
      <c r="C334" s="458"/>
    </row>
    <row r="335" spans="3:3">
      <c r="C335" s="458"/>
    </row>
    <row r="336" spans="3:3">
      <c r="C336" s="458"/>
    </row>
    <row r="337" spans="3:3">
      <c r="C337" s="458"/>
    </row>
    <row r="338" spans="3:3">
      <c r="C338" s="458"/>
    </row>
    <row r="339" spans="3:3">
      <c r="C339" s="458"/>
    </row>
    <row r="340" spans="3:3">
      <c r="C340" s="458"/>
    </row>
    <row r="341" spans="3:3">
      <c r="C341" s="458"/>
    </row>
    <row r="342" spans="3:3">
      <c r="C342" s="458"/>
    </row>
    <row r="343" spans="3:3">
      <c r="C343" s="458"/>
    </row>
    <row r="344" spans="3:3">
      <c r="C344" s="458"/>
    </row>
    <row r="345" spans="3:3">
      <c r="C345" s="458"/>
    </row>
    <row r="346" spans="3:3">
      <c r="C346" s="458"/>
    </row>
    <row r="347" spans="3:3">
      <c r="C347" s="458"/>
    </row>
    <row r="348" spans="3:3">
      <c r="C348" s="458"/>
    </row>
    <row r="349" spans="3:3">
      <c r="C349" s="458"/>
    </row>
    <row r="350" spans="3:3">
      <c r="C350" s="458"/>
    </row>
    <row r="351" spans="3:3">
      <c r="C351" s="458"/>
    </row>
    <row r="352" spans="3:3">
      <c r="C352" s="458"/>
    </row>
    <row r="353" spans="3:3">
      <c r="C353" s="458"/>
    </row>
    <row r="354" spans="3:3">
      <c r="C354" s="458"/>
    </row>
    <row r="355" spans="3:3">
      <c r="C355" s="458"/>
    </row>
    <row r="356" spans="3:3">
      <c r="C356" s="458"/>
    </row>
    <row r="357" spans="3:3">
      <c r="C357" s="458"/>
    </row>
    <row r="358" spans="3:3">
      <c r="C358" s="458"/>
    </row>
    <row r="359" spans="3:3">
      <c r="C359" s="458"/>
    </row>
    <row r="360" spans="3:3">
      <c r="C360" s="458"/>
    </row>
    <row r="361" spans="3:3">
      <c r="C361" s="458"/>
    </row>
    <row r="362" spans="3:3">
      <c r="C362" s="458"/>
    </row>
    <row r="363" spans="3:3">
      <c r="C363" s="458"/>
    </row>
    <row r="364" spans="3:3">
      <c r="C364" s="458"/>
    </row>
    <row r="365" spans="3:3">
      <c r="C365" s="458"/>
    </row>
    <row r="366" spans="3:3">
      <c r="C366" s="458"/>
    </row>
    <row r="367" spans="3:3">
      <c r="C367" s="458"/>
    </row>
    <row r="368" spans="3:3">
      <c r="C368" s="458"/>
    </row>
    <row r="369" spans="3:3">
      <c r="C369" s="458"/>
    </row>
    <row r="370" spans="3:3">
      <c r="C370" s="458"/>
    </row>
    <row r="371" spans="3:3">
      <c r="C371" s="458"/>
    </row>
    <row r="372" spans="3:3">
      <c r="C372" s="458"/>
    </row>
    <row r="373" spans="3:3">
      <c r="C373" s="458"/>
    </row>
    <row r="374" spans="3:3">
      <c r="C374" s="458"/>
    </row>
    <row r="375" spans="3:3">
      <c r="C375" s="458"/>
    </row>
    <row r="376" spans="3:3">
      <c r="C376" s="458"/>
    </row>
    <row r="377" spans="3:3">
      <c r="C377" s="458"/>
    </row>
    <row r="378" spans="3:3">
      <c r="C378" s="458"/>
    </row>
    <row r="379" spans="3:3">
      <c r="C379" s="458"/>
    </row>
    <row r="380" spans="3:3">
      <c r="C380" s="458"/>
    </row>
    <row r="381" spans="3:3">
      <c r="C381" s="458"/>
    </row>
    <row r="382" spans="3:3">
      <c r="C382" s="458"/>
    </row>
    <row r="383" spans="3:3">
      <c r="C383" s="458"/>
    </row>
    <row r="384" spans="3:3">
      <c r="C384" s="458"/>
    </row>
    <row r="385" spans="3:3">
      <c r="C385" s="458"/>
    </row>
    <row r="386" spans="3:3">
      <c r="C386" s="458"/>
    </row>
    <row r="387" spans="3:3">
      <c r="C387" s="458"/>
    </row>
    <row r="388" spans="3:3">
      <c r="C388" s="458"/>
    </row>
    <row r="389" spans="3:3">
      <c r="C389" s="458"/>
    </row>
    <row r="390" spans="3:3">
      <c r="C390" s="458"/>
    </row>
    <row r="391" spans="3:3">
      <c r="C391" s="458"/>
    </row>
    <row r="392" spans="3:3">
      <c r="C392" s="458"/>
    </row>
    <row r="393" spans="3:3">
      <c r="C393" s="458"/>
    </row>
    <row r="394" spans="3:3">
      <c r="C394" s="458"/>
    </row>
    <row r="395" spans="3:3">
      <c r="C395" s="458"/>
    </row>
    <row r="396" spans="3:3">
      <c r="C396" s="458"/>
    </row>
    <row r="397" spans="3:3">
      <c r="C397" s="458"/>
    </row>
    <row r="398" spans="3:3">
      <c r="C398" s="458"/>
    </row>
    <row r="399" spans="3:3">
      <c r="C399" s="458"/>
    </row>
    <row r="400" spans="3:3">
      <c r="C400" s="458"/>
    </row>
    <row r="401" spans="3:3">
      <c r="C401" s="458"/>
    </row>
    <row r="402" spans="3:3">
      <c r="C402" s="458"/>
    </row>
    <row r="403" spans="3:3">
      <c r="C403" s="458"/>
    </row>
    <row r="404" spans="3:3">
      <c r="C404" s="458"/>
    </row>
    <row r="405" spans="3:3">
      <c r="C405" s="458"/>
    </row>
    <row r="406" spans="3:3">
      <c r="C406" s="458"/>
    </row>
    <row r="407" spans="3:3">
      <c r="C407" s="458"/>
    </row>
    <row r="408" spans="3:3">
      <c r="C408" s="458"/>
    </row>
    <row r="409" spans="3:3">
      <c r="C409" s="458"/>
    </row>
    <row r="410" spans="3:3">
      <c r="C410" s="458"/>
    </row>
    <row r="411" spans="3:3">
      <c r="C411" s="458"/>
    </row>
    <row r="412" spans="3:3">
      <c r="C412" s="458"/>
    </row>
    <row r="413" spans="3:3">
      <c r="C413" s="458"/>
    </row>
    <row r="414" spans="3:3">
      <c r="C414" s="458"/>
    </row>
    <row r="415" spans="3:3">
      <c r="C415" s="458"/>
    </row>
    <row r="416" spans="3:3">
      <c r="C416" s="458"/>
    </row>
    <row r="417" spans="3:3">
      <c r="C417" s="458"/>
    </row>
    <row r="418" spans="3:3">
      <c r="C418" s="458"/>
    </row>
    <row r="419" spans="3:3">
      <c r="C419" s="458"/>
    </row>
    <row r="420" spans="3:3">
      <c r="C420" s="458"/>
    </row>
    <row r="421" spans="3:3">
      <c r="C421" s="458"/>
    </row>
    <row r="422" spans="3:3">
      <c r="C422" s="458"/>
    </row>
    <row r="423" spans="3:3">
      <c r="C423" s="458"/>
    </row>
    <row r="424" spans="3:3">
      <c r="C424" s="458"/>
    </row>
    <row r="425" spans="3:3">
      <c r="C425" s="458"/>
    </row>
    <row r="426" spans="3:3">
      <c r="C426" s="458"/>
    </row>
    <row r="427" spans="3:3">
      <c r="C427" s="458"/>
    </row>
    <row r="428" spans="3:3">
      <c r="C428" s="458"/>
    </row>
    <row r="429" spans="3:3">
      <c r="C429" s="458"/>
    </row>
    <row r="430" spans="3:3">
      <c r="C430" s="458"/>
    </row>
    <row r="431" spans="3:3">
      <c r="C431" s="458"/>
    </row>
  </sheetData>
  <mergeCells count="8">
    <mergeCell ref="A53:B53"/>
    <mergeCell ref="A62:B62"/>
    <mergeCell ref="A2:B5"/>
    <mergeCell ref="A8:B8"/>
    <mergeCell ref="A27:B27"/>
    <mergeCell ref="A35:B35"/>
    <mergeCell ref="A41:B41"/>
    <mergeCell ref="A42:B42"/>
  </mergeCells>
  <phoneticPr fontId="2"/>
  <printOptions horizontalCentered="1"/>
  <pageMargins left="0.70866141732283472" right="0.70866141732283472" top="0.70866141732283472" bottom="0.70866141732283472" header="0" footer="0.19685039370078741"/>
  <pageSetup paperSize="9" scale="76" firstPageNumber="54" orientation="portrait" blackAndWhite="1" r:id="rId1"/>
  <headerFooter scaleWithDoc="0"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61"/>
  <sheetViews>
    <sheetView zoomScale="110" zoomScaleNormal="110" workbookViewId="0"/>
  </sheetViews>
  <sheetFormatPr defaultRowHeight="12"/>
  <cols>
    <col min="1" max="1" width="7.5" style="394" customWidth="1"/>
    <col min="2" max="2" width="10" style="394" customWidth="1"/>
    <col min="3" max="3" width="9.625" style="394" customWidth="1"/>
    <col min="4" max="10" width="8.5" style="394" customWidth="1"/>
    <col min="11" max="16384" width="9" style="394"/>
  </cols>
  <sheetData>
    <row r="1" spans="1:10" ht="14.25" thickBot="1">
      <c r="A1" s="393" t="s">
        <v>907</v>
      </c>
      <c r="H1" s="395"/>
      <c r="J1" s="996" t="s">
        <v>908</v>
      </c>
    </row>
    <row r="2" spans="1:10" s="60" customFormat="1" ht="13.5" customHeight="1" thickTop="1">
      <c r="A2" s="1174" t="s">
        <v>909</v>
      </c>
      <c r="B2" s="1175"/>
      <c r="C2" s="396"/>
      <c r="D2" s="397"/>
      <c r="E2" s="397"/>
      <c r="F2" s="397"/>
      <c r="G2" s="397"/>
      <c r="H2" s="397"/>
      <c r="I2" s="397"/>
      <c r="J2" s="397"/>
    </row>
    <row r="3" spans="1:10" s="60" customFormat="1" ht="13.5" customHeight="1">
      <c r="A3" s="1176"/>
      <c r="B3" s="1177"/>
      <c r="C3" s="398" t="s">
        <v>910</v>
      </c>
      <c r="D3" s="399"/>
      <c r="E3" s="400"/>
      <c r="F3" s="401"/>
      <c r="G3" s="402"/>
      <c r="H3" s="401"/>
      <c r="I3" s="401"/>
      <c r="J3" s="401"/>
    </row>
    <row r="4" spans="1:10" s="60" customFormat="1" ht="13.5" customHeight="1">
      <c r="A4" s="1178" t="s">
        <v>911</v>
      </c>
      <c r="B4" s="1178" t="s">
        <v>912</v>
      </c>
      <c r="C4" s="403" t="s">
        <v>913</v>
      </c>
      <c r="D4" s="404" t="s">
        <v>875</v>
      </c>
      <c r="E4" s="405" t="s">
        <v>914</v>
      </c>
      <c r="F4" s="406" t="s">
        <v>915</v>
      </c>
      <c r="G4" s="407" t="s">
        <v>916</v>
      </c>
      <c r="H4" s="404" t="s">
        <v>879</v>
      </c>
      <c r="I4" s="407" t="s">
        <v>917</v>
      </c>
      <c r="J4" s="406" t="s">
        <v>918</v>
      </c>
    </row>
    <row r="5" spans="1:10" s="60" customFormat="1" ht="13.5" customHeight="1">
      <c r="A5" s="1177"/>
      <c r="B5" s="1177"/>
      <c r="C5" s="408"/>
      <c r="D5" s="409" t="s">
        <v>919</v>
      </c>
      <c r="E5" s="410" t="s">
        <v>920</v>
      </c>
      <c r="F5" s="410" t="s">
        <v>921</v>
      </c>
      <c r="G5" s="408" t="s">
        <v>887</v>
      </c>
      <c r="H5" s="409" t="s">
        <v>922</v>
      </c>
      <c r="I5" s="408" t="s">
        <v>923</v>
      </c>
      <c r="J5" s="410" t="s">
        <v>924</v>
      </c>
    </row>
    <row r="6" spans="1:10" s="60" customFormat="1">
      <c r="B6" s="411" t="s">
        <v>12</v>
      </c>
      <c r="C6" s="412"/>
      <c r="D6" s="413" t="s">
        <v>12</v>
      </c>
      <c r="E6" s="414" t="s">
        <v>12</v>
      </c>
      <c r="F6" s="413" t="s">
        <v>12</v>
      </c>
      <c r="G6" s="415" t="s">
        <v>12</v>
      </c>
      <c r="H6" s="413" t="s">
        <v>12</v>
      </c>
      <c r="I6" s="415" t="s">
        <v>12</v>
      </c>
      <c r="J6" s="416" t="s">
        <v>12</v>
      </c>
    </row>
    <row r="7" spans="1:10" s="60" customFormat="1">
      <c r="A7" s="417" t="s">
        <v>871</v>
      </c>
      <c r="B7" s="418">
        <v>9231177</v>
      </c>
      <c r="C7" s="419" t="s">
        <v>872</v>
      </c>
      <c r="D7" s="993">
        <v>-5160</v>
      </c>
      <c r="E7" s="993">
        <v>-29983</v>
      </c>
      <c r="F7" s="993">
        <v>60549</v>
      </c>
      <c r="G7" s="993">
        <v>90532</v>
      </c>
      <c r="H7" s="993">
        <v>24823</v>
      </c>
      <c r="I7" s="993">
        <v>488358</v>
      </c>
      <c r="J7" s="994">
        <v>463535</v>
      </c>
    </row>
    <row r="8" spans="1:10" s="60" customFormat="1">
      <c r="A8" s="417">
        <v>3</v>
      </c>
      <c r="B8" s="418">
        <v>9236337</v>
      </c>
      <c r="C8" s="419" t="s">
        <v>925</v>
      </c>
      <c r="D8" s="993">
        <v>34512</v>
      </c>
      <c r="E8" s="993">
        <v>-22407</v>
      </c>
      <c r="F8" s="993">
        <v>62882</v>
      </c>
      <c r="G8" s="993">
        <v>85289</v>
      </c>
      <c r="H8" s="993">
        <v>56919</v>
      </c>
      <c r="I8" s="993">
        <v>532374</v>
      </c>
      <c r="J8" s="994">
        <v>475455</v>
      </c>
    </row>
    <row r="9" spans="1:10" s="60" customFormat="1">
      <c r="A9" s="417">
        <v>2</v>
      </c>
      <c r="B9" s="418">
        <v>9201825</v>
      </c>
      <c r="C9" s="420" t="s">
        <v>926</v>
      </c>
      <c r="D9" s="993">
        <v>20200</v>
      </c>
      <c r="E9" s="993">
        <v>-19600</v>
      </c>
      <c r="F9" s="993">
        <v>64905</v>
      </c>
      <c r="G9" s="993">
        <v>84505</v>
      </c>
      <c r="H9" s="993">
        <v>39800</v>
      </c>
      <c r="I9" s="993">
        <v>514781</v>
      </c>
      <c r="J9" s="994">
        <v>474981</v>
      </c>
    </row>
    <row r="10" spans="1:10" s="60" customFormat="1">
      <c r="A10" s="417" t="s">
        <v>927</v>
      </c>
      <c r="B10" s="418">
        <v>9181625</v>
      </c>
      <c r="C10" s="419">
        <v>30</v>
      </c>
      <c r="D10" s="993">
        <v>18346</v>
      </c>
      <c r="E10" s="993">
        <v>-14771</v>
      </c>
      <c r="F10" s="993">
        <v>68228</v>
      </c>
      <c r="G10" s="993">
        <v>82999</v>
      </c>
      <c r="H10" s="993">
        <v>33117</v>
      </c>
      <c r="I10" s="993">
        <v>507579</v>
      </c>
      <c r="J10" s="994">
        <v>474462</v>
      </c>
    </row>
    <row r="11" spans="1:10" s="60" customFormat="1">
      <c r="A11" s="417">
        <v>30</v>
      </c>
      <c r="B11" s="418">
        <v>9163279</v>
      </c>
      <c r="C11" s="419">
        <v>29</v>
      </c>
      <c r="D11" s="993">
        <v>15879</v>
      </c>
      <c r="E11" s="993">
        <v>-11083</v>
      </c>
      <c r="F11" s="993">
        <v>69902</v>
      </c>
      <c r="G11" s="993">
        <v>80985</v>
      </c>
      <c r="H11" s="993">
        <v>26962</v>
      </c>
      <c r="I11" s="993">
        <v>496793</v>
      </c>
      <c r="J11" s="994">
        <v>469831</v>
      </c>
    </row>
    <row r="12" spans="1:10" s="60" customFormat="1">
      <c r="A12" s="421">
        <v>29</v>
      </c>
      <c r="B12" s="418">
        <v>9147400</v>
      </c>
      <c r="C12" s="419">
        <v>28</v>
      </c>
      <c r="D12" s="993">
        <v>19363</v>
      </c>
      <c r="E12" s="993">
        <v>-5354</v>
      </c>
      <c r="F12" s="993">
        <v>72795</v>
      </c>
      <c r="G12" s="993">
        <v>78149</v>
      </c>
      <c r="H12" s="993">
        <v>24717</v>
      </c>
      <c r="I12" s="993">
        <v>486889</v>
      </c>
      <c r="J12" s="994">
        <v>462172</v>
      </c>
    </row>
    <row r="13" spans="1:10" s="60" customFormat="1">
      <c r="A13" s="421">
        <v>28</v>
      </c>
      <c r="B13" s="418">
        <v>9128037</v>
      </c>
      <c r="C13" s="419" t="s">
        <v>928</v>
      </c>
      <c r="D13" s="993">
        <v>27691</v>
      </c>
      <c r="E13" s="993">
        <v>-1492</v>
      </c>
      <c r="F13" s="993">
        <v>75189</v>
      </c>
      <c r="G13" s="993">
        <v>76681</v>
      </c>
      <c r="H13" s="993">
        <v>29183</v>
      </c>
      <c r="I13" s="993">
        <v>521832</v>
      </c>
      <c r="J13" s="994">
        <v>492649</v>
      </c>
    </row>
    <row r="14" spans="1:10" s="60" customFormat="1" ht="13.5" customHeight="1">
      <c r="A14" s="421">
        <v>27</v>
      </c>
      <c r="B14" s="418">
        <v>9100346</v>
      </c>
      <c r="C14" s="419">
        <v>26</v>
      </c>
      <c r="D14" s="993">
        <v>16507</v>
      </c>
      <c r="E14" s="993">
        <v>-285</v>
      </c>
      <c r="F14" s="993">
        <v>74459</v>
      </c>
      <c r="G14" s="993">
        <v>74744</v>
      </c>
      <c r="H14" s="993">
        <v>16792</v>
      </c>
      <c r="I14" s="993">
        <v>478908</v>
      </c>
      <c r="J14" s="994">
        <v>462116</v>
      </c>
    </row>
    <row r="15" spans="1:10" s="60" customFormat="1" ht="13.5" customHeight="1">
      <c r="A15" s="417">
        <v>26</v>
      </c>
      <c r="B15" s="418">
        <v>9083839</v>
      </c>
      <c r="C15" s="422">
        <v>25</v>
      </c>
      <c r="D15" s="993">
        <v>11306</v>
      </c>
      <c r="E15" s="993">
        <v>2111</v>
      </c>
      <c r="F15" s="993">
        <v>75656</v>
      </c>
      <c r="G15" s="993">
        <v>73545</v>
      </c>
      <c r="H15" s="993">
        <v>9195</v>
      </c>
      <c r="I15" s="993">
        <v>486505</v>
      </c>
      <c r="J15" s="994">
        <v>477310</v>
      </c>
    </row>
    <row r="16" spans="1:10" s="60" customFormat="1" ht="14.1" customHeight="1">
      <c r="A16" s="421">
        <v>25</v>
      </c>
      <c r="B16" s="418">
        <v>9072533</v>
      </c>
      <c r="C16" s="422">
        <v>24</v>
      </c>
      <c r="D16" s="993">
        <v>12276</v>
      </c>
      <c r="E16" s="993">
        <v>4625</v>
      </c>
      <c r="F16" s="993">
        <v>77079</v>
      </c>
      <c r="G16" s="993">
        <v>72454</v>
      </c>
      <c r="H16" s="993">
        <v>7651</v>
      </c>
      <c r="I16" s="993">
        <v>487933</v>
      </c>
      <c r="J16" s="994">
        <v>480282</v>
      </c>
    </row>
    <row r="17" spans="1:10" s="60" customFormat="1" ht="14.1" customHeight="1">
      <c r="A17" s="421">
        <v>24</v>
      </c>
      <c r="B17" s="418">
        <v>9060257</v>
      </c>
      <c r="C17" s="422">
        <v>23</v>
      </c>
      <c r="D17" s="993">
        <v>9229</v>
      </c>
      <c r="E17" s="993">
        <v>5970</v>
      </c>
      <c r="F17" s="993">
        <v>77353</v>
      </c>
      <c r="G17" s="993">
        <v>71383</v>
      </c>
      <c r="H17" s="993">
        <v>3259</v>
      </c>
      <c r="I17" s="993">
        <v>484175</v>
      </c>
      <c r="J17" s="994">
        <v>480916</v>
      </c>
    </row>
    <row r="18" spans="1:10" s="60" customFormat="1" ht="14.1" customHeight="1">
      <c r="A18" s="421">
        <v>23</v>
      </c>
      <c r="B18" s="418">
        <v>9051028</v>
      </c>
      <c r="C18" s="422" t="s">
        <v>929</v>
      </c>
      <c r="D18" s="993">
        <v>42896</v>
      </c>
      <c r="E18" s="993">
        <v>11519</v>
      </c>
      <c r="F18" s="993">
        <v>79870</v>
      </c>
      <c r="G18" s="993">
        <v>68351</v>
      </c>
      <c r="H18" s="993">
        <v>31377</v>
      </c>
      <c r="I18" s="993">
        <v>530727</v>
      </c>
      <c r="J18" s="994">
        <v>499350</v>
      </c>
    </row>
    <row r="19" spans="1:10" s="60" customFormat="1" ht="14.1" customHeight="1">
      <c r="A19" s="421">
        <v>22</v>
      </c>
      <c r="B19" s="418">
        <v>9008132</v>
      </c>
      <c r="C19" s="421">
        <v>21</v>
      </c>
      <c r="D19" s="993">
        <v>42780</v>
      </c>
      <c r="E19" s="993">
        <v>15296</v>
      </c>
      <c r="F19" s="993">
        <v>79738</v>
      </c>
      <c r="G19" s="993">
        <v>64442</v>
      </c>
      <c r="H19" s="993">
        <v>27484</v>
      </c>
      <c r="I19" s="993">
        <v>520485</v>
      </c>
      <c r="J19" s="994">
        <v>493001</v>
      </c>
    </row>
    <row r="20" spans="1:10" s="60" customFormat="1" ht="14.1" customHeight="1">
      <c r="A20" s="421">
        <v>21</v>
      </c>
      <c r="B20" s="418">
        <v>8965352</v>
      </c>
      <c r="C20" s="421">
        <v>20</v>
      </c>
      <c r="D20" s="993">
        <v>55096</v>
      </c>
      <c r="E20" s="993">
        <v>16427</v>
      </c>
      <c r="F20" s="993">
        <v>80276</v>
      </c>
      <c r="G20" s="993">
        <v>63849</v>
      </c>
      <c r="H20" s="993">
        <v>38669</v>
      </c>
      <c r="I20" s="993">
        <v>530261</v>
      </c>
      <c r="J20" s="994">
        <v>491592</v>
      </c>
    </row>
    <row r="21" spans="1:10" s="60" customFormat="1" ht="14.1" customHeight="1">
      <c r="A21" s="421">
        <v>20</v>
      </c>
      <c r="B21" s="418">
        <v>8910256</v>
      </c>
      <c r="C21" s="421">
        <v>19</v>
      </c>
      <c r="D21" s="993">
        <v>62090</v>
      </c>
      <c r="E21" s="993">
        <v>19192</v>
      </c>
      <c r="F21" s="993">
        <v>80674</v>
      </c>
      <c r="G21" s="993">
        <v>61482</v>
      </c>
      <c r="H21" s="993">
        <v>42898</v>
      </c>
      <c r="I21" s="993">
        <v>549582</v>
      </c>
      <c r="J21" s="994">
        <v>506684</v>
      </c>
    </row>
    <row r="22" spans="1:10" s="60" customFormat="1" ht="14.1" customHeight="1">
      <c r="A22" s="421">
        <v>19</v>
      </c>
      <c r="B22" s="418">
        <v>8848166</v>
      </c>
      <c r="C22" s="421">
        <v>18</v>
      </c>
      <c r="D22" s="993">
        <v>46534</v>
      </c>
      <c r="E22" s="993">
        <v>20836</v>
      </c>
      <c r="F22" s="993">
        <v>80256</v>
      </c>
      <c r="G22" s="993">
        <v>59420</v>
      </c>
      <c r="H22" s="993">
        <v>25698</v>
      </c>
      <c r="I22" s="993">
        <v>543598</v>
      </c>
      <c r="J22" s="994">
        <v>517900</v>
      </c>
    </row>
    <row r="23" spans="1:10" s="60" customFormat="1" ht="14.1" customHeight="1">
      <c r="A23" s="421">
        <v>18</v>
      </c>
      <c r="B23" s="418">
        <v>8801632</v>
      </c>
      <c r="C23" s="421" t="s">
        <v>930</v>
      </c>
      <c r="D23" s="993">
        <v>52901</v>
      </c>
      <c r="E23" s="993">
        <v>18418</v>
      </c>
      <c r="F23" s="993">
        <v>77579</v>
      </c>
      <c r="G23" s="993">
        <v>59161</v>
      </c>
      <c r="H23" s="993">
        <v>34483</v>
      </c>
      <c r="I23" s="993">
        <v>568091</v>
      </c>
      <c r="J23" s="994">
        <v>533608</v>
      </c>
    </row>
    <row r="24" spans="1:10" s="60" customFormat="1" ht="14.1" customHeight="1">
      <c r="A24" s="421">
        <v>17</v>
      </c>
      <c r="B24" s="418">
        <v>8748731</v>
      </c>
      <c r="C24" s="421">
        <v>16</v>
      </c>
      <c r="D24" s="993">
        <v>51011</v>
      </c>
      <c r="E24" s="993">
        <v>25047</v>
      </c>
      <c r="F24" s="993">
        <v>81067</v>
      </c>
      <c r="G24" s="993">
        <v>56020</v>
      </c>
      <c r="H24" s="993">
        <v>25964</v>
      </c>
      <c r="I24" s="993">
        <v>558651</v>
      </c>
      <c r="J24" s="994">
        <v>532687</v>
      </c>
    </row>
    <row r="25" spans="1:10" s="60" customFormat="1" ht="14.1" customHeight="1">
      <c r="A25" s="421">
        <v>16</v>
      </c>
      <c r="B25" s="418">
        <v>8697720</v>
      </c>
      <c r="C25" s="421">
        <v>15</v>
      </c>
      <c r="D25" s="993">
        <v>58055</v>
      </c>
      <c r="E25" s="993">
        <v>26314</v>
      </c>
      <c r="F25" s="993">
        <v>81271</v>
      </c>
      <c r="G25" s="993">
        <v>54957</v>
      </c>
      <c r="H25" s="993">
        <v>31741</v>
      </c>
      <c r="I25" s="993">
        <v>574857</v>
      </c>
      <c r="J25" s="994">
        <v>543116</v>
      </c>
    </row>
    <row r="26" spans="1:10" s="60" customFormat="1" ht="14.1" customHeight="1">
      <c r="A26" s="421">
        <v>15</v>
      </c>
      <c r="B26" s="418">
        <v>8639665</v>
      </c>
      <c r="C26" s="421">
        <v>14</v>
      </c>
      <c r="D26" s="993">
        <v>64293</v>
      </c>
      <c r="E26" s="993">
        <v>29182</v>
      </c>
      <c r="F26" s="993">
        <v>82685</v>
      </c>
      <c r="G26" s="993">
        <v>53503</v>
      </c>
      <c r="H26" s="993">
        <v>35111</v>
      </c>
      <c r="I26" s="993">
        <v>571871</v>
      </c>
      <c r="J26" s="994">
        <v>536760</v>
      </c>
    </row>
    <row r="27" spans="1:10" s="60" customFormat="1" ht="14.1" customHeight="1">
      <c r="A27" s="421">
        <v>14</v>
      </c>
      <c r="B27" s="418">
        <v>8575372</v>
      </c>
      <c r="C27" s="421">
        <v>13</v>
      </c>
      <c r="D27" s="993">
        <v>71874</v>
      </c>
      <c r="E27" s="993">
        <v>30898</v>
      </c>
      <c r="F27" s="993">
        <v>83163</v>
      </c>
      <c r="G27" s="993">
        <v>52265</v>
      </c>
      <c r="H27" s="993">
        <v>40976</v>
      </c>
      <c r="I27" s="993">
        <v>583135</v>
      </c>
      <c r="J27" s="994">
        <v>542159</v>
      </c>
    </row>
    <row r="28" spans="1:10" s="60" customFormat="1" ht="14.1" customHeight="1">
      <c r="A28" s="421">
        <v>13</v>
      </c>
      <c r="B28" s="418">
        <v>8503498</v>
      </c>
      <c r="C28" s="421" t="s">
        <v>931</v>
      </c>
      <c r="D28" s="993">
        <v>57324</v>
      </c>
      <c r="E28" s="993">
        <v>33217</v>
      </c>
      <c r="F28" s="993">
        <v>84411</v>
      </c>
      <c r="G28" s="993">
        <v>51194</v>
      </c>
      <c r="H28" s="993">
        <v>24107</v>
      </c>
      <c r="I28" s="993">
        <v>591245</v>
      </c>
      <c r="J28" s="994">
        <v>567138</v>
      </c>
    </row>
    <row r="29" spans="1:10" s="60" customFormat="1" ht="14.1" customHeight="1">
      <c r="A29" s="421">
        <v>12</v>
      </c>
      <c r="B29" s="418">
        <v>8446174</v>
      </c>
      <c r="C29" s="421">
        <v>11</v>
      </c>
      <c r="D29" s="993">
        <v>47838</v>
      </c>
      <c r="E29" s="993">
        <v>31408</v>
      </c>
      <c r="F29" s="993">
        <v>83308</v>
      </c>
      <c r="G29" s="993">
        <v>51900</v>
      </c>
      <c r="H29" s="993">
        <v>16430</v>
      </c>
      <c r="I29" s="993">
        <v>572124</v>
      </c>
      <c r="J29" s="994">
        <v>555694</v>
      </c>
    </row>
    <row r="30" spans="1:10" s="60" customFormat="1" ht="14.1" customHeight="1">
      <c r="A30" s="421">
        <v>11</v>
      </c>
      <c r="B30" s="418">
        <v>8398336</v>
      </c>
      <c r="C30" s="421">
        <v>10</v>
      </c>
      <c r="D30" s="993">
        <v>57499</v>
      </c>
      <c r="E30" s="993">
        <v>34626</v>
      </c>
      <c r="F30" s="993">
        <v>84711</v>
      </c>
      <c r="G30" s="993">
        <v>50085</v>
      </c>
      <c r="H30" s="993">
        <v>22873</v>
      </c>
      <c r="I30" s="993">
        <v>574061</v>
      </c>
      <c r="J30" s="994">
        <v>551188</v>
      </c>
    </row>
    <row r="31" spans="1:10" s="60" customFormat="1" ht="14.1" customHeight="1">
      <c r="A31" s="421">
        <v>10</v>
      </c>
      <c r="B31" s="418">
        <v>8340837</v>
      </c>
      <c r="C31" s="421" t="s">
        <v>932</v>
      </c>
      <c r="D31" s="993">
        <v>45333</v>
      </c>
      <c r="E31" s="993">
        <v>35197</v>
      </c>
      <c r="F31" s="993">
        <v>82961</v>
      </c>
      <c r="G31" s="993">
        <v>47764</v>
      </c>
      <c r="H31" s="993">
        <v>10136</v>
      </c>
      <c r="I31" s="993">
        <v>579491</v>
      </c>
      <c r="J31" s="994">
        <v>569355</v>
      </c>
    </row>
    <row r="32" spans="1:10" s="60" customFormat="1" ht="14.1" customHeight="1">
      <c r="A32" s="421" t="s">
        <v>932</v>
      </c>
      <c r="B32" s="418">
        <v>8295504</v>
      </c>
      <c r="C32" s="417" t="s">
        <v>933</v>
      </c>
      <c r="D32" s="993">
        <v>42839</v>
      </c>
      <c r="E32" s="993">
        <v>36959</v>
      </c>
      <c r="F32" s="993">
        <v>83046</v>
      </c>
      <c r="G32" s="993">
        <v>46087</v>
      </c>
      <c r="H32" s="993">
        <v>5880</v>
      </c>
      <c r="I32" s="993">
        <v>590290</v>
      </c>
      <c r="J32" s="994">
        <v>584410</v>
      </c>
    </row>
    <row r="33" spans="1:10" s="60" customFormat="1" ht="14.1" customHeight="1">
      <c r="A33" s="417" t="s">
        <v>933</v>
      </c>
      <c r="B33" s="418">
        <v>8252665</v>
      </c>
      <c r="C33" s="417" t="s">
        <v>934</v>
      </c>
      <c r="D33" s="993">
        <v>13825</v>
      </c>
      <c r="E33" s="993">
        <v>35304</v>
      </c>
      <c r="F33" s="993">
        <v>82204</v>
      </c>
      <c r="G33" s="993">
        <v>46900</v>
      </c>
      <c r="H33" s="993">
        <v>-21479</v>
      </c>
      <c r="I33" s="993">
        <v>598915</v>
      </c>
      <c r="J33" s="994">
        <v>620394</v>
      </c>
    </row>
    <row r="34" spans="1:10" s="60" customFormat="1" ht="14.1" customHeight="1">
      <c r="A34" s="417" t="s">
        <v>935</v>
      </c>
      <c r="B34" s="418">
        <v>8238840</v>
      </c>
      <c r="C34" s="421" t="s">
        <v>936</v>
      </c>
      <c r="D34" s="993">
        <v>41968</v>
      </c>
      <c r="E34" s="993">
        <v>40246</v>
      </c>
      <c r="F34" s="993">
        <v>85015</v>
      </c>
      <c r="G34" s="993">
        <v>44769</v>
      </c>
      <c r="H34" s="993">
        <v>1722</v>
      </c>
      <c r="I34" s="993">
        <v>599910</v>
      </c>
      <c r="J34" s="994">
        <v>598188</v>
      </c>
    </row>
    <row r="35" spans="1:10" s="60" customFormat="1" ht="14.1" customHeight="1">
      <c r="A35" s="421" t="s">
        <v>936</v>
      </c>
      <c r="B35" s="418">
        <v>8196872</v>
      </c>
      <c r="C35" s="421" t="s">
        <v>937</v>
      </c>
      <c r="D35" s="993">
        <v>48360</v>
      </c>
      <c r="E35" s="993">
        <v>36360</v>
      </c>
      <c r="F35" s="993">
        <v>80550</v>
      </c>
      <c r="G35" s="993">
        <v>44190</v>
      </c>
      <c r="H35" s="993">
        <v>12000</v>
      </c>
      <c r="I35" s="993">
        <v>597641</v>
      </c>
      <c r="J35" s="994">
        <v>585641</v>
      </c>
    </row>
    <row r="36" spans="1:10" s="60" customFormat="1" ht="14.1" customHeight="1">
      <c r="A36" s="421" t="s">
        <v>937</v>
      </c>
      <c r="B36" s="418">
        <v>8148512</v>
      </c>
      <c r="C36" s="421" t="s">
        <v>938</v>
      </c>
      <c r="D36" s="993">
        <v>63663</v>
      </c>
      <c r="E36" s="993">
        <v>38388</v>
      </c>
      <c r="F36" s="993">
        <v>80794</v>
      </c>
      <c r="G36" s="993">
        <v>42406</v>
      </c>
      <c r="H36" s="993">
        <v>25275</v>
      </c>
      <c r="I36" s="993">
        <v>593602</v>
      </c>
      <c r="J36" s="994">
        <v>568327</v>
      </c>
    </row>
    <row r="37" spans="1:10" s="60" customFormat="1" ht="14.1" customHeight="1">
      <c r="A37" s="421" t="s">
        <v>938</v>
      </c>
      <c r="B37" s="418">
        <v>8084849</v>
      </c>
      <c r="C37" s="421" t="s">
        <v>939</v>
      </c>
      <c r="D37" s="993">
        <v>86102</v>
      </c>
      <c r="E37" s="993">
        <v>40921</v>
      </c>
      <c r="F37" s="993">
        <v>81652</v>
      </c>
      <c r="G37" s="993">
        <v>40731</v>
      </c>
      <c r="H37" s="993">
        <v>45181</v>
      </c>
      <c r="I37" s="993">
        <v>596314</v>
      </c>
      <c r="J37" s="994">
        <v>551133</v>
      </c>
    </row>
    <row r="38" spans="1:10" s="60" customFormat="1" ht="14.1" customHeight="1">
      <c r="A38" s="421" t="s">
        <v>939</v>
      </c>
      <c r="B38" s="418">
        <v>7998747</v>
      </c>
      <c r="C38" s="421" t="s">
        <v>940</v>
      </c>
      <c r="D38" s="993">
        <v>88365</v>
      </c>
      <c r="E38" s="993">
        <v>39966</v>
      </c>
      <c r="F38" s="993">
        <v>79435</v>
      </c>
      <c r="G38" s="993">
        <v>39469</v>
      </c>
      <c r="H38" s="993">
        <v>48399</v>
      </c>
      <c r="I38" s="993">
        <v>611876</v>
      </c>
      <c r="J38" s="994">
        <v>563477</v>
      </c>
    </row>
    <row r="39" spans="1:10" s="60" customFormat="1" ht="14.1" customHeight="1">
      <c r="A39" s="421" t="s">
        <v>941</v>
      </c>
      <c r="B39" s="418">
        <v>7910382</v>
      </c>
      <c r="C39" s="421" t="s">
        <v>942</v>
      </c>
      <c r="D39" s="993">
        <v>100278</v>
      </c>
      <c r="E39" s="993">
        <v>42342</v>
      </c>
      <c r="F39" s="993">
        <v>79173</v>
      </c>
      <c r="G39" s="993">
        <v>36831</v>
      </c>
      <c r="H39" s="993">
        <v>57936</v>
      </c>
      <c r="I39" s="993">
        <v>585529</v>
      </c>
      <c r="J39" s="994">
        <v>527593</v>
      </c>
    </row>
    <row r="40" spans="1:10" s="60" customFormat="1" ht="14.1" customHeight="1">
      <c r="A40" s="421" t="s">
        <v>942</v>
      </c>
      <c r="B40" s="418">
        <v>7810104</v>
      </c>
      <c r="C40" s="421" t="s">
        <v>943</v>
      </c>
      <c r="D40" s="993">
        <v>109017</v>
      </c>
      <c r="E40" s="993">
        <v>47324</v>
      </c>
      <c r="F40" s="993">
        <v>84328</v>
      </c>
      <c r="G40" s="993">
        <v>37004</v>
      </c>
      <c r="H40" s="993">
        <v>61693</v>
      </c>
      <c r="I40" s="993">
        <v>568062</v>
      </c>
      <c r="J40" s="994">
        <v>506369</v>
      </c>
    </row>
    <row r="41" spans="1:10" s="60" customFormat="1" ht="14.1" customHeight="1">
      <c r="A41" s="421" t="s">
        <v>943</v>
      </c>
      <c r="B41" s="418">
        <v>7701087</v>
      </c>
      <c r="C41" s="421">
        <v>62</v>
      </c>
      <c r="D41" s="993">
        <v>128890</v>
      </c>
      <c r="E41" s="993">
        <v>48655</v>
      </c>
      <c r="F41" s="993">
        <v>83506</v>
      </c>
      <c r="G41" s="993">
        <v>34851</v>
      </c>
      <c r="H41" s="993">
        <v>80235</v>
      </c>
      <c r="I41" s="993">
        <v>579558</v>
      </c>
      <c r="J41" s="994">
        <v>499323</v>
      </c>
    </row>
    <row r="42" spans="1:10" s="60" customFormat="1" ht="14.1" customHeight="1">
      <c r="A42" s="421">
        <v>62</v>
      </c>
      <c r="B42" s="418">
        <v>7572197</v>
      </c>
      <c r="C42" s="421">
        <v>61</v>
      </c>
      <c r="D42" s="993">
        <v>119944</v>
      </c>
      <c r="E42" s="993">
        <v>49040</v>
      </c>
      <c r="F42" s="993">
        <v>83036</v>
      </c>
      <c r="G42" s="993">
        <v>33996</v>
      </c>
      <c r="H42" s="993">
        <v>70904</v>
      </c>
      <c r="I42" s="993">
        <v>559606</v>
      </c>
      <c r="J42" s="994">
        <v>488702</v>
      </c>
    </row>
    <row r="43" spans="1:10" s="60" customFormat="1" ht="14.1" customHeight="1">
      <c r="A43" s="421">
        <v>61</v>
      </c>
      <c r="B43" s="418">
        <v>7452253</v>
      </c>
      <c r="C43" s="421" t="s">
        <v>944</v>
      </c>
      <c r="D43" s="993">
        <v>102260</v>
      </c>
      <c r="E43" s="993">
        <v>52583</v>
      </c>
      <c r="F43" s="993">
        <v>86202</v>
      </c>
      <c r="G43" s="993">
        <v>33619</v>
      </c>
      <c r="H43" s="993">
        <v>49677</v>
      </c>
      <c r="I43" s="993">
        <v>545369</v>
      </c>
      <c r="J43" s="994">
        <v>495692</v>
      </c>
    </row>
    <row r="44" spans="1:10" s="60" customFormat="1" ht="14.1" customHeight="1">
      <c r="A44" s="421">
        <v>60</v>
      </c>
      <c r="B44" s="418">
        <v>7349993</v>
      </c>
      <c r="C44" s="421">
        <v>59</v>
      </c>
      <c r="D44" s="993">
        <v>101415</v>
      </c>
      <c r="E44" s="993">
        <v>55972</v>
      </c>
      <c r="F44" s="993">
        <v>88786</v>
      </c>
      <c r="G44" s="993">
        <v>32814</v>
      </c>
      <c r="H44" s="993">
        <v>45443</v>
      </c>
      <c r="I44" s="993">
        <v>529376</v>
      </c>
      <c r="J44" s="994">
        <v>483933</v>
      </c>
    </row>
    <row r="45" spans="1:10" s="60" customFormat="1" ht="14.1" customHeight="1">
      <c r="A45" s="421">
        <v>59</v>
      </c>
      <c r="B45" s="418">
        <v>7248578</v>
      </c>
      <c r="C45" s="421">
        <v>58</v>
      </c>
      <c r="D45" s="993">
        <v>100535</v>
      </c>
      <c r="E45" s="993">
        <v>58352</v>
      </c>
      <c r="F45" s="993">
        <v>90597</v>
      </c>
      <c r="G45" s="993">
        <v>32245</v>
      </c>
      <c r="H45" s="993">
        <v>42183</v>
      </c>
      <c r="I45" s="993">
        <v>530510</v>
      </c>
      <c r="J45" s="994">
        <v>488327</v>
      </c>
    </row>
    <row r="46" spans="1:10" s="60" customFormat="1" ht="14.1" customHeight="1">
      <c r="A46" s="421">
        <v>58</v>
      </c>
      <c r="B46" s="418">
        <v>7148043</v>
      </c>
      <c r="C46" s="421">
        <v>57</v>
      </c>
      <c r="D46" s="993">
        <v>103483</v>
      </c>
      <c r="E46" s="993">
        <v>60339</v>
      </c>
      <c r="F46" s="993">
        <v>90554</v>
      </c>
      <c r="G46" s="993">
        <v>30215</v>
      </c>
      <c r="H46" s="993">
        <v>43144</v>
      </c>
      <c r="I46" s="993">
        <v>542446</v>
      </c>
      <c r="J46" s="994">
        <v>499302</v>
      </c>
    </row>
    <row r="47" spans="1:10" s="60" customFormat="1" ht="14.1" customHeight="1">
      <c r="A47" s="421">
        <v>57</v>
      </c>
      <c r="B47" s="418">
        <v>7044560</v>
      </c>
      <c r="C47" s="421">
        <v>56</v>
      </c>
      <c r="D47" s="993">
        <v>100986</v>
      </c>
      <c r="E47" s="993">
        <v>62127</v>
      </c>
      <c r="F47" s="993">
        <v>92348</v>
      </c>
      <c r="G47" s="993">
        <v>30221</v>
      </c>
      <c r="H47" s="993">
        <v>38859</v>
      </c>
      <c r="I47" s="993">
        <v>540831</v>
      </c>
      <c r="J47" s="994">
        <v>501972</v>
      </c>
    </row>
    <row r="48" spans="1:10" s="60" customFormat="1" ht="14.1" customHeight="1">
      <c r="A48" s="421">
        <v>56</v>
      </c>
      <c r="B48" s="418">
        <v>6943574</v>
      </c>
      <c r="C48" s="421" t="s">
        <v>945</v>
      </c>
      <c r="D48" s="993">
        <v>86534</v>
      </c>
      <c r="E48" s="993">
        <v>64640</v>
      </c>
      <c r="F48" s="993">
        <v>94274</v>
      </c>
      <c r="G48" s="993">
        <v>29634</v>
      </c>
      <c r="H48" s="993">
        <v>21894</v>
      </c>
      <c r="I48" s="993">
        <v>549403</v>
      </c>
      <c r="J48" s="994">
        <v>527509</v>
      </c>
    </row>
    <row r="49" spans="1:10" s="60" customFormat="1" ht="14.1" customHeight="1">
      <c r="A49" s="421">
        <v>55</v>
      </c>
      <c r="B49" s="418">
        <v>6857040</v>
      </c>
      <c r="C49" s="421">
        <v>54</v>
      </c>
      <c r="D49" s="993">
        <v>97817</v>
      </c>
      <c r="E49" s="993">
        <v>71989</v>
      </c>
      <c r="F49" s="993">
        <v>99947</v>
      </c>
      <c r="G49" s="993">
        <v>27958</v>
      </c>
      <c r="H49" s="993">
        <v>25828</v>
      </c>
      <c r="I49" s="993">
        <v>572868</v>
      </c>
      <c r="J49" s="994">
        <v>547040</v>
      </c>
    </row>
    <row r="50" spans="1:10" s="60" customFormat="1" ht="14.1" customHeight="1">
      <c r="A50" s="421">
        <v>54</v>
      </c>
      <c r="B50" s="418">
        <v>6759223</v>
      </c>
      <c r="C50" s="421">
        <v>53</v>
      </c>
      <c r="D50" s="993">
        <v>112529</v>
      </c>
      <c r="E50" s="993">
        <v>76221</v>
      </c>
      <c r="F50" s="993">
        <v>104017</v>
      </c>
      <c r="G50" s="993">
        <v>27796</v>
      </c>
      <c r="H50" s="993">
        <v>36308</v>
      </c>
      <c r="I50" s="993">
        <v>577221</v>
      </c>
      <c r="J50" s="994">
        <v>540913</v>
      </c>
    </row>
    <row r="51" spans="1:10" s="60" customFormat="1" ht="14.1" customHeight="1">
      <c r="A51" s="421">
        <v>53</v>
      </c>
      <c r="B51" s="418">
        <v>6646694</v>
      </c>
      <c r="C51" s="421">
        <v>52</v>
      </c>
      <c r="D51" s="993">
        <v>112020</v>
      </c>
      <c r="E51" s="993">
        <v>81332</v>
      </c>
      <c r="F51" s="993">
        <v>108145</v>
      </c>
      <c r="G51" s="993">
        <v>26813</v>
      </c>
      <c r="H51" s="993">
        <v>30688</v>
      </c>
      <c r="I51" s="993">
        <v>580079</v>
      </c>
      <c r="J51" s="994">
        <v>549391</v>
      </c>
    </row>
    <row r="52" spans="1:10" s="60" customFormat="1" ht="14.1" customHeight="1">
      <c r="A52" s="421">
        <v>52</v>
      </c>
      <c r="B52" s="418">
        <v>6534674</v>
      </c>
      <c r="C52" s="421">
        <v>51</v>
      </c>
      <c r="D52" s="993">
        <v>113349</v>
      </c>
      <c r="E52" s="993">
        <v>87123</v>
      </c>
      <c r="F52" s="993">
        <v>113644</v>
      </c>
      <c r="G52" s="993">
        <v>26521</v>
      </c>
      <c r="H52" s="993">
        <v>26226</v>
      </c>
      <c r="I52" s="993">
        <v>582766</v>
      </c>
      <c r="J52" s="994">
        <v>556540</v>
      </c>
    </row>
    <row r="53" spans="1:10" s="60" customFormat="1" ht="14.1" customHeight="1">
      <c r="A53" s="421">
        <v>51</v>
      </c>
      <c r="B53" s="418">
        <v>6421325</v>
      </c>
      <c r="C53" s="421" t="s">
        <v>946</v>
      </c>
      <c r="D53" s="993">
        <v>125327</v>
      </c>
      <c r="E53" s="993">
        <v>90784</v>
      </c>
      <c r="F53" s="993">
        <v>117269</v>
      </c>
      <c r="G53" s="993">
        <v>26485</v>
      </c>
      <c r="H53" s="993">
        <v>34543</v>
      </c>
      <c r="I53" s="993">
        <v>607335</v>
      </c>
      <c r="J53" s="994">
        <v>572792</v>
      </c>
    </row>
    <row r="54" spans="1:10" s="60" customFormat="1" ht="14.1" customHeight="1">
      <c r="A54" s="421">
        <v>50</v>
      </c>
      <c r="B54" s="418">
        <v>6295998</v>
      </c>
      <c r="C54" s="421">
        <v>49</v>
      </c>
      <c r="D54" s="993">
        <v>157902</v>
      </c>
      <c r="E54" s="993">
        <v>101799</v>
      </c>
      <c r="F54" s="993">
        <v>128524</v>
      </c>
      <c r="G54" s="993">
        <v>26725</v>
      </c>
      <c r="H54" s="993">
        <v>56103</v>
      </c>
      <c r="I54" s="993">
        <v>658495</v>
      </c>
      <c r="J54" s="994">
        <v>602392</v>
      </c>
    </row>
    <row r="55" spans="1:10" s="60" customFormat="1" ht="14.1" customHeight="1">
      <c r="A55" s="421">
        <v>49</v>
      </c>
      <c r="B55" s="418">
        <v>6138096</v>
      </c>
      <c r="C55" s="421">
        <v>48</v>
      </c>
      <c r="D55" s="993">
        <v>179906</v>
      </c>
      <c r="E55" s="993">
        <v>108371</v>
      </c>
      <c r="F55" s="993">
        <v>134217</v>
      </c>
      <c r="G55" s="993">
        <v>25846</v>
      </c>
      <c r="H55" s="993">
        <v>71535</v>
      </c>
      <c r="I55" s="993">
        <v>700624</v>
      </c>
      <c r="J55" s="994">
        <v>629089</v>
      </c>
    </row>
    <row r="56" spans="1:10" s="60" customFormat="1" ht="14.1" customHeight="1">
      <c r="A56" s="421">
        <v>48</v>
      </c>
      <c r="B56" s="418">
        <v>5958190</v>
      </c>
      <c r="C56" s="421">
        <v>47</v>
      </c>
      <c r="D56" s="993">
        <v>199934</v>
      </c>
      <c r="E56" s="993">
        <v>106384</v>
      </c>
      <c r="F56" s="993">
        <v>131361</v>
      </c>
      <c r="G56" s="993">
        <v>24977</v>
      </c>
      <c r="H56" s="993">
        <v>93550</v>
      </c>
      <c r="I56" s="993">
        <v>701526</v>
      </c>
      <c r="J56" s="994">
        <v>607976</v>
      </c>
    </row>
    <row r="57" spans="1:10" s="60" customFormat="1" ht="14.1" customHeight="1">
      <c r="A57" s="421">
        <v>47</v>
      </c>
      <c r="B57" s="418">
        <v>5758256</v>
      </c>
      <c r="C57" s="421">
        <v>46</v>
      </c>
      <c r="D57" s="993">
        <v>233876</v>
      </c>
      <c r="E57" s="993">
        <v>102700</v>
      </c>
      <c r="F57" s="993">
        <v>126635</v>
      </c>
      <c r="G57" s="993">
        <v>23935</v>
      </c>
      <c r="H57" s="993">
        <v>131176</v>
      </c>
      <c r="I57" s="993">
        <v>714259</v>
      </c>
      <c r="J57" s="994">
        <v>583083</v>
      </c>
    </row>
    <row r="58" spans="1:10" s="60" customFormat="1" ht="14.1" customHeight="1" thickBot="1">
      <c r="A58" s="421">
        <v>46</v>
      </c>
      <c r="B58" s="418">
        <v>5524380</v>
      </c>
      <c r="C58" s="421" t="s">
        <v>947</v>
      </c>
      <c r="D58" s="993">
        <v>231476</v>
      </c>
      <c r="E58" s="993">
        <v>97696</v>
      </c>
      <c r="F58" s="993">
        <v>120706</v>
      </c>
      <c r="G58" s="993">
        <v>23010</v>
      </c>
      <c r="H58" s="993">
        <v>133780</v>
      </c>
      <c r="I58" s="993">
        <v>770448</v>
      </c>
      <c r="J58" s="995">
        <v>636668</v>
      </c>
    </row>
    <row r="59" spans="1:10" s="60" customFormat="1" ht="7.5" customHeight="1" thickTop="1">
      <c r="A59" s="423"/>
      <c r="B59" s="424"/>
      <c r="C59" s="424"/>
      <c r="D59" s="424"/>
      <c r="E59" s="424"/>
      <c r="F59" s="424"/>
      <c r="G59" s="424"/>
      <c r="H59" s="424"/>
      <c r="I59" s="424"/>
      <c r="J59" s="424"/>
    </row>
    <row r="60" spans="1:10" s="60" customFormat="1">
      <c r="A60" s="425" t="s">
        <v>948</v>
      </c>
    </row>
    <row r="61" spans="1:10" s="60" customFormat="1">
      <c r="A61" s="425" t="s">
        <v>949</v>
      </c>
    </row>
  </sheetData>
  <mergeCells count="3">
    <mergeCell ref="A2:B3"/>
    <mergeCell ref="A4:A5"/>
    <mergeCell ref="B4:B5"/>
  </mergeCells>
  <phoneticPr fontId="2"/>
  <printOptions horizontalCentered="1"/>
  <pageMargins left="0.70866141732283472" right="0.70866141732283472" top="0.70866141732283472" bottom="0.70866141732283472" header="0" footer="0.19685039370078741"/>
  <pageSetup paperSize="9" scale="98" firstPageNumber="55" orientation="portrait" blackAndWhite="1" r:id="rId1"/>
  <headerFooter scaleWithDoc="0" alignWithMargins="0"/>
  <colBreaks count="1" manualBreakCount="1">
    <brk id="10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8"/>
  <sheetViews>
    <sheetView zoomScaleNormal="100" workbookViewId="0"/>
  </sheetViews>
  <sheetFormatPr defaultColWidth="9" defaultRowHeight="13.5"/>
  <cols>
    <col min="1" max="1" width="3.75" style="3" customWidth="1"/>
    <col min="2" max="2" width="0.625" style="3" customWidth="1"/>
    <col min="3" max="3" width="10.625" style="3" customWidth="1"/>
    <col min="4" max="4" width="0.625" style="3" customWidth="1"/>
    <col min="5" max="8" width="11.875" style="3" customWidth="1"/>
    <col min="9" max="11" width="8.125" style="3" customWidth="1"/>
    <col min="12" max="12" width="9" style="3"/>
    <col min="13" max="13" width="10.375" style="3" bestFit="1" customWidth="1"/>
    <col min="14" max="16384" width="9" style="3"/>
  </cols>
  <sheetData>
    <row r="1" spans="1:13" ht="15" customHeight="1" thickBot="1">
      <c r="A1" s="714" t="s">
        <v>142</v>
      </c>
      <c r="B1" s="688"/>
      <c r="C1" s="688"/>
      <c r="D1" s="688"/>
      <c r="E1" s="688"/>
      <c r="F1" s="688"/>
      <c r="G1" s="688"/>
      <c r="H1" s="688"/>
      <c r="I1" s="715"/>
    </row>
    <row r="2" spans="1:13" ht="14.25" thickTop="1">
      <c r="A2" s="37"/>
      <c r="B2" s="37"/>
      <c r="C2" s="37"/>
      <c r="D2" s="37"/>
      <c r="E2" s="1078" t="s">
        <v>143</v>
      </c>
      <c r="F2" s="1079"/>
      <c r="G2" s="1079"/>
      <c r="H2" s="1080"/>
      <c r="I2" s="1079" t="s">
        <v>54</v>
      </c>
      <c r="J2" s="1079"/>
      <c r="K2" s="1079"/>
    </row>
    <row r="3" spans="1:13" ht="13.5" customHeight="1">
      <c r="A3" s="1"/>
      <c r="B3" s="1"/>
      <c r="C3" s="716" t="s">
        <v>144</v>
      </c>
      <c r="D3" s="716"/>
      <c r="E3" s="1081" t="s">
        <v>57</v>
      </c>
      <c r="F3" s="99" t="s">
        <v>3</v>
      </c>
      <c r="G3" s="99" t="s">
        <v>4</v>
      </c>
      <c r="H3" s="837" t="s">
        <v>5</v>
      </c>
      <c r="I3" s="1083" t="s">
        <v>145</v>
      </c>
      <c r="J3" s="1083" t="s">
        <v>146</v>
      </c>
      <c r="K3" s="1083" t="s">
        <v>147</v>
      </c>
    </row>
    <row r="4" spans="1:13">
      <c r="A4" s="717"/>
      <c r="B4" s="717"/>
      <c r="C4" s="717"/>
      <c r="D4" s="717"/>
      <c r="E4" s="1082"/>
      <c r="F4" s="369" t="s">
        <v>7</v>
      </c>
      <c r="G4" s="369" t="s">
        <v>148</v>
      </c>
      <c r="H4" s="838" t="s">
        <v>149</v>
      </c>
      <c r="I4" s="1084"/>
      <c r="J4" s="1084"/>
      <c r="K4" s="1084"/>
    </row>
    <row r="5" spans="1:13" ht="15" customHeight="1">
      <c r="A5" s="718"/>
      <c r="B5" s="719"/>
      <c r="C5" s="20" t="s">
        <v>150</v>
      </c>
      <c r="D5" s="720"/>
      <c r="E5" s="721" t="s">
        <v>12</v>
      </c>
      <c r="F5" s="722" t="s">
        <v>12</v>
      </c>
      <c r="G5" s="722" t="s">
        <v>12</v>
      </c>
      <c r="H5" s="839" t="s">
        <v>12</v>
      </c>
      <c r="I5" s="722" t="s">
        <v>22</v>
      </c>
      <c r="J5" s="722" t="s">
        <v>21</v>
      </c>
      <c r="K5" s="722" t="s">
        <v>21</v>
      </c>
      <c r="M5" s="723"/>
    </row>
    <row r="6" spans="1:13" ht="15" customHeight="1">
      <c r="A6" s="1074" t="s">
        <v>151</v>
      </c>
      <c r="B6" s="724"/>
      <c r="C6" s="695" t="s">
        <v>152</v>
      </c>
      <c r="D6" s="725"/>
      <c r="E6" s="726">
        <v>9231177</v>
      </c>
      <c r="F6" s="727">
        <v>1065999</v>
      </c>
      <c r="G6" s="727">
        <v>5627097</v>
      </c>
      <c r="H6" s="840">
        <v>2324007</v>
      </c>
      <c r="I6" s="728">
        <v>11.821967654134593</v>
      </c>
      <c r="J6" s="728">
        <v>62.404710248956896</v>
      </c>
      <c r="K6" s="728">
        <v>25.773322096908508</v>
      </c>
    </row>
    <row r="7" spans="1:13" ht="15" customHeight="1">
      <c r="A7" s="1075"/>
      <c r="B7" s="724"/>
      <c r="C7" s="41"/>
      <c r="D7" s="729"/>
      <c r="E7" s="730"/>
      <c r="F7" s="731"/>
      <c r="G7" s="731"/>
      <c r="H7" s="841"/>
      <c r="I7" s="732"/>
      <c r="J7" s="732"/>
      <c r="K7" s="732"/>
    </row>
    <row r="8" spans="1:13" ht="15" customHeight="1">
      <c r="A8" s="1075"/>
      <c r="B8" s="724"/>
      <c r="C8" s="96" t="s">
        <v>153</v>
      </c>
      <c r="D8" s="733"/>
      <c r="E8" s="730">
        <v>3772029</v>
      </c>
      <c r="F8" s="731">
        <v>434150</v>
      </c>
      <c r="G8" s="731">
        <v>2312834</v>
      </c>
      <c r="H8" s="841">
        <v>926256</v>
      </c>
      <c r="I8" s="732">
        <v>11.819265825265978</v>
      </c>
      <c r="J8" s="732">
        <v>62.964412888893726</v>
      </c>
      <c r="K8" s="732">
        <v>25.216321285840294</v>
      </c>
      <c r="M8" s="454"/>
    </row>
    <row r="9" spans="1:13" ht="15" customHeight="1">
      <c r="A9" s="1075"/>
      <c r="B9" s="724"/>
      <c r="C9" s="96" t="s">
        <v>154</v>
      </c>
      <c r="D9" s="733"/>
      <c r="E9" s="730">
        <v>1538825</v>
      </c>
      <c r="F9" s="731">
        <v>186286</v>
      </c>
      <c r="G9" s="731">
        <v>1002490</v>
      </c>
      <c r="H9" s="841">
        <v>303699</v>
      </c>
      <c r="I9" s="732">
        <v>12.481683110269854</v>
      </c>
      <c r="J9" s="732">
        <v>67.169634332233372</v>
      </c>
      <c r="K9" s="732">
        <v>20.348682557496776</v>
      </c>
      <c r="M9" s="454"/>
    </row>
    <row r="10" spans="1:13" ht="15" customHeight="1">
      <c r="A10" s="1075"/>
      <c r="B10" s="734"/>
      <c r="C10" s="96" t="s">
        <v>155</v>
      </c>
      <c r="D10" s="733"/>
      <c r="E10" s="730">
        <v>685839</v>
      </c>
      <c r="F10" s="731">
        <v>71884</v>
      </c>
      <c r="G10" s="731">
        <v>387756</v>
      </c>
      <c r="H10" s="841">
        <v>222384</v>
      </c>
      <c r="I10" s="732">
        <v>10.539805050848651</v>
      </c>
      <c r="J10" s="732">
        <v>56.853717757732866</v>
      </c>
      <c r="K10" s="732">
        <v>32.606477191418485</v>
      </c>
    </row>
    <row r="11" spans="1:13" ht="15" customHeight="1">
      <c r="A11" s="1075"/>
      <c r="B11" s="734"/>
      <c r="C11" s="96" t="s">
        <v>156</v>
      </c>
      <c r="D11" s="733"/>
      <c r="E11" s="730">
        <v>1586768</v>
      </c>
      <c r="F11" s="731">
        <v>182382</v>
      </c>
      <c r="G11" s="731">
        <v>958242</v>
      </c>
      <c r="H11" s="841">
        <v>407382</v>
      </c>
      <c r="I11" s="732">
        <v>11.781737280088061</v>
      </c>
      <c r="J11" s="732">
        <v>61.901698055433897</v>
      </c>
      <c r="K11" s="732">
        <v>26.316564664478044</v>
      </c>
    </row>
    <row r="12" spans="1:13" ht="15" customHeight="1">
      <c r="A12" s="1075"/>
      <c r="B12" s="734"/>
      <c r="C12" s="96" t="s">
        <v>157</v>
      </c>
      <c r="D12" s="733"/>
      <c r="E12" s="730">
        <v>1313636</v>
      </c>
      <c r="F12" s="731">
        <v>156927</v>
      </c>
      <c r="G12" s="731">
        <v>779098</v>
      </c>
      <c r="H12" s="841">
        <v>356316</v>
      </c>
      <c r="I12" s="732">
        <v>12.142847746840811</v>
      </c>
      <c r="J12" s="732">
        <v>60.285791443589574</v>
      </c>
      <c r="K12" s="732">
        <v>27.571360809569612</v>
      </c>
    </row>
    <row r="13" spans="1:13" ht="15" customHeight="1">
      <c r="A13" s="1075"/>
      <c r="B13" s="734"/>
      <c r="C13" s="96" t="s">
        <v>158</v>
      </c>
      <c r="D13" s="733"/>
      <c r="E13" s="730">
        <v>334080</v>
      </c>
      <c r="F13" s="731">
        <v>34370</v>
      </c>
      <c r="G13" s="731">
        <v>186677</v>
      </c>
      <c r="H13" s="841">
        <v>107970</v>
      </c>
      <c r="I13" s="732">
        <v>10.446268733834422</v>
      </c>
      <c r="J13" s="732">
        <v>56.737797742973775</v>
      </c>
      <c r="K13" s="732">
        <v>32.815933523191809</v>
      </c>
    </row>
    <row r="14" spans="1:13" ht="11.25" customHeight="1" thickBot="1">
      <c r="A14" s="735"/>
      <c r="B14" s="734"/>
      <c r="C14" s="96"/>
      <c r="D14" s="733"/>
      <c r="E14" s="730"/>
      <c r="F14" s="731"/>
      <c r="G14" s="731"/>
      <c r="H14" s="841"/>
      <c r="I14" s="732"/>
      <c r="J14" s="732"/>
      <c r="K14" s="732"/>
    </row>
    <row r="15" spans="1:13" ht="15" customHeight="1" thickTop="1">
      <c r="A15" s="718"/>
      <c r="B15" s="736"/>
      <c r="C15" s="737" t="s">
        <v>159</v>
      </c>
      <c r="D15" s="738"/>
      <c r="E15" s="28" t="s">
        <v>12</v>
      </c>
      <c r="F15" s="737" t="s">
        <v>12</v>
      </c>
      <c r="G15" s="737" t="s">
        <v>12</v>
      </c>
      <c r="H15" s="738" t="s">
        <v>12</v>
      </c>
      <c r="I15" s="737" t="s">
        <v>71</v>
      </c>
      <c r="J15" s="737" t="s">
        <v>71</v>
      </c>
      <c r="K15" s="737" t="s">
        <v>71</v>
      </c>
    </row>
    <row r="16" spans="1:13" ht="15" customHeight="1">
      <c r="A16" s="1074" t="s">
        <v>160</v>
      </c>
      <c r="B16" s="724"/>
      <c r="C16" s="695" t="s">
        <v>152</v>
      </c>
      <c r="D16" s="725"/>
      <c r="E16" s="726">
        <v>9236337</v>
      </c>
      <c r="F16" s="739">
        <v>1082584</v>
      </c>
      <c r="G16" s="739">
        <v>5627503</v>
      </c>
      <c r="H16" s="840">
        <v>2312173</v>
      </c>
      <c r="I16" s="728">
        <v>11.99903350158386</v>
      </c>
      <c r="J16" s="728">
        <v>62.37354055414054</v>
      </c>
      <c r="K16" s="728">
        <v>25.627425944275601</v>
      </c>
    </row>
    <row r="17" spans="1:11" ht="15" customHeight="1">
      <c r="A17" s="1075"/>
      <c r="B17" s="724"/>
      <c r="C17" s="41"/>
      <c r="D17" s="729"/>
      <c r="E17" s="730"/>
      <c r="F17" s="731"/>
      <c r="G17" s="731"/>
      <c r="H17" s="841"/>
      <c r="I17" s="732"/>
      <c r="J17" s="732"/>
      <c r="K17" s="732"/>
    </row>
    <row r="18" spans="1:11" ht="15" customHeight="1">
      <c r="A18" s="1075"/>
      <c r="B18" s="724"/>
      <c r="C18" s="96" t="s">
        <v>153</v>
      </c>
      <c r="D18" s="733"/>
      <c r="E18" s="730">
        <v>3776286</v>
      </c>
      <c r="F18" s="731">
        <v>440556</v>
      </c>
      <c r="G18" s="731">
        <v>2315077</v>
      </c>
      <c r="H18" s="841">
        <v>921864</v>
      </c>
      <c r="I18" s="732">
        <v>11.979778637480873</v>
      </c>
      <c r="J18" s="732">
        <v>62.952519063917656</v>
      </c>
      <c r="K18" s="732">
        <v>25.067702298601468</v>
      </c>
    </row>
    <row r="19" spans="1:11" ht="15" customHeight="1">
      <c r="A19" s="1075"/>
      <c r="B19" s="724"/>
      <c r="C19" s="96" t="s">
        <v>154</v>
      </c>
      <c r="D19" s="733"/>
      <c r="E19" s="730">
        <v>1538133</v>
      </c>
      <c r="F19" s="731">
        <v>189188</v>
      </c>
      <c r="G19" s="731">
        <v>1000844</v>
      </c>
      <c r="H19" s="841">
        <v>301751</v>
      </c>
      <c r="I19" s="732">
        <v>12.682005358688228</v>
      </c>
      <c r="J19" s="732">
        <v>67.090454844974104</v>
      </c>
      <c r="K19" s="732">
        <v>20.22753979633767</v>
      </c>
    </row>
    <row r="20" spans="1:11" ht="15" customHeight="1">
      <c r="A20" s="1075"/>
      <c r="B20" s="734"/>
      <c r="C20" s="96" t="s">
        <v>155</v>
      </c>
      <c r="D20" s="733"/>
      <c r="E20" s="730">
        <v>690758</v>
      </c>
      <c r="F20" s="731">
        <v>73653</v>
      </c>
      <c r="G20" s="731">
        <v>390180</v>
      </c>
      <c r="H20" s="841">
        <v>223110</v>
      </c>
      <c r="I20" s="732">
        <v>10.721850284521423</v>
      </c>
      <c r="J20" s="732">
        <v>56.799472445312063</v>
      </c>
      <c r="K20" s="732">
        <v>32.478677270166521</v>
      </c>
    </row>
    <row r="21" spans="1:11" ht="15" customHeight="1">
      <c r="A21" s="1075"/>
      <c r="B21" s="734"/>
      <c r="C21" s="96" t="s">
        <v>156</v>
      </c>
      <c r="D21" s="733"/>
      <c r="E21" s="730">
        <v>1584639</v>
      </c>
      <c r="F21" s="731">
        <v>185089</v>
      </c>
      <c r="G21" s="731">
        <v>956633</v>
      </c>
      <c r="H21" s="841">
        <v>404154</v>
      </c>
      <c r="I21" s="732">
        <v>11.973081928951611</v>
      </c>
      <c r="J21" s="732">
        <v>61.882906520315991</v>
      </c>
      <c r="K21" s="732">
        <v>26.144011550732397</v>
      </c>
    </row>
    <row r="22" spans="1:11" ht="15" customHeight="1">
      <c r="A22" s="1075"/>
      <c r="B22" s="734"/>
      <c r="C22" s="96" t="s">
        <v>157</v>
      </c>
      <c r="D22" s="733"/>
      <c r="E22" s="730">
        <v>1310402</v>
      </c>
      <c r="F22" s="731">
        <v>158902</v>
      </c>
      <c r="G22" s="731">
        <v>776547</v>
      </c>
      <c r="H22" s="841">
        <v>353658</v>
      </c>
      <c r="I22" s="732">
        <v>12.326517503977559</v>
      </c>
      <c r="J22" s="732">
        <v>60.239142289972825</v>
      </c>
      <c r="K22" s="732">
        <v>27.434340206049612</v>
      </c>
    </row>
    <row r="23" spans="1:11" ht="15" customHeight="1">
      <c r="A23" s="1075"/>
      <c r="B23" s="734"/>
      <c r="C23" s="96" t="s">
        <v>158</v>
      </c>
      <c r="D23" s="733"/>
      <c r="E23" s="730">
        <v>336119</v>
      </c>
      <c r="F23" s="731">
        <v>35196</v>
      </c>
      <c r="G23" s="731">
        <v>188222</v>
      </c>
      <c r="H23" s="841">
        <v>107636</v>
      </c>
      <c r="I23" s="732">
        <v>10.631498184586201</v>
      </c>
      <c r="J23" s="732">
        <v>56.855377068393679</v>
      </c>
      <c r="K23" s="732">
        <v>32.513124747020122</v>
      </c>
    </row>
    <row r="24" spans="1:11" ht="11.25" customHeight="1" thickBot="1">
      <c r="A24" s="740"/>
      <c r="B24" s="734"/>
      <c r="C24" s="96"/>
      <c r="D24" s="733"/>
      <c r="E24" s="741"/>
      <c r="F24" s="742"/>
      <c r="G24" s="742"/>
      <c r="H24" s="842"/>
      <c r="I24" s="743"/>
      <c r="J24" s="743"/>
      <c r="K24" s="743"/>
    </row>
    <row r="25" spans="1:11" ht="15" customHeight="1" thickTop="1">
      <c r="A25" s="1076" t="s">
        <v>161</v>
      </c>
      <c r="B25" s="744"/>
      <c r="C25" s="737" t="s">
        <v>162</v>
      </c>
      <c r="D25" s="738"/>
      <c r="E25" s="28" t="s">
        <v>12</v>
      </c>
      <c r="F25" s="737" t="s">
        <v>12</v>
      </c>
      <c r="G25" s="737" t="s">
        <v>12</v>
      </c>
      <c r="H25" s="738" t="s">
        <v>12</v>
      </c>
      <c r="I25" s="737" t="s">
        <v>163</v>
      </c>
      <c r="J25" s="737" t="s">
        <v>163</v>
      </c>
      <c r="K25" s="737" t="s">
        <v>163</v>
      </c>
    </row>
    <row r="26" spans="1:11" ht="15" customHeight="1">
      <c r="A26" s="1077"/>
      <c r="B26" s="724"/>
      <c r="C26" s="695" t="s">
        <v>152</v>
      </c>
      <c r="D26" s="725"/>
      <c r="E26" s="726">
        <v>-5160</v>
      </c>
      <c r="F26" s="727">
        <v>-16585</v>
      </c>
      <c r="G26" s="727">
        <v>-406</v>
      </c>
      <c r="H26" s="840">
        <v>11834</v>
      </c>
      <c r="I26" s="745">
        <v>-0.17706584744926701</v>
      </c>
      <c r="J26" s="745">
        <v>3.1169694816355786E-2</v>
      </c>
      <c r="K26" s="745">
        <v>0.14589615263290767</v>
      </c>
    </row>
    <row r="27" spans="1:11" ht="15" customHeight="1">
      <c r="A27" s="1077"/>
      <c r="B27" s="734"/>
      <c r="C27" s="41"/>
      <c r="D27" s="729"/>
      <c r="E27" s="373"/>
      <c r="F27" s="372"/>
      <c r="G27" s="372"/>
      <c r="H27" s="374"/>
      <c r="I27" s="745"/>
      <c r="J27" s="745"/>
      <c r="K27" s="745"/>
    </row>
    <row r="28" spans="1:11" ht="15" customHeight="1">
      <c r="A28" s="1077"/>
      <c r="B28" s="724"/>
      <c r="C28" s="96" t="s">
        <v>153</v>
      </c>
      <c r="D28" s="733"/>
      <c r="E28" s="741">
        <v>-4257</v>
      </c>
      <c r="F28" s="97">
        <v>-6406</v>
      </c>
      <c r="G28" s="97">
        <v>-2243</v>
      </c>
      <c r="H28" s="842">
        <v>4392</v>
      </c>
      <c r="I28" s="746">
        <v>-0.16051281221489511</v>
      </c>
      <c r="J28" s="746">
        <v>1.1893824976070277E-2</v>
      </c>
      <c r="K28" s="746">
        <v>0.14861898723882661</v>
      </c>
    </row>
    <row r="29" spans="1:11" ht="15" customHeight="1">
      <c r="A29" s="1077"/>
      <c r="B29" s="724"/>
      <c r="C29" s="96" t="s">
        <v>154</v>
      </c>
      <c r="D29" s="733"/>
      <c r="E29" s="741">
        <v>692</v>
      </c>
      <c r="F29" s="97">
        <v>-2902</v>
      </c>
      <c r="G29" s="97">
        <v>1646</v>
      </c>
      <c r="H29" s="842">
        <v>1948</v>
      </c>
      <c r="I29" s="746">
        <v>-0.20032224841837376</v>
      </c>
      <c r="J29" s="746">
        <v>7.9179487259267489E-2</v>
      </c>
      <c r="K29" s="746">
        <v>0.12114276115910627</v>
      </c>
    </row>
    <row r="30" spans="1:11" ht="15" customHeight="1">
      <c r="A30" s="1077"/>
      <c r="B30" s="734"/>
      <c r="C30" s="96" t="s">
        <v>155</v>
      </c>
      <c r="D30" s="733"/>
      <c r="E30" s="741">
        <v>-4919</v>
      </c>
      <c r="F30" s="742">
        <v>-1769</v>
      </c>
      <c r="G30" s="742">
        <v>-2424</v>
      </c>
      <c r="H30" s="842">
        <v>-726</v>
      </c>
      <c r="I30" s="746">
        <v>-0.18204523367277226</v>
      </c>
      <c r="J30" s="747">
        <v>5.4245312420803771E-2</v>
      </c>
      <c r="K30" s="746">
        <v>0.12779992125196316</v>
      </c>
    </row>
    <row r="31" spans="1:11" ht="15" customHeight="1">
      <c r="A31" s="1077"/>
      <c r="B31" s="724"/>
      <c r="C31" s="96" t="s">
        <v>156</v>
      </c>
      <c r="D31" s="733"/>
      <c r="E31" s="741">
        <v>2129</v>
      </c>
      <c r="F31" s="742">
        <v>-2707</v>
      </c>
      <c r="G31" s="742">
        <v>1609</v>
      </c>
      <c r="H31" s="842">
        <v>3228</v>
      </c>
      <c r="I31" s="746">
        <v>-0.1913446488635504</v>
      </c>
      <c r="J31" s="746">
        <v>1.8791535117905767E-2</v>
      </c>
      <c r="K31" s="746">
        <v>0.17255311374564641</v>
      </c>
    </row>
    <row r="32" spans="1:11" ht="15" customHeight="1">
      <c r="A32" s="1077"/>
      <c r="B32" s="724"/>
      <c r="C32" s="96" t="s">
        <v>157</v>
      </c>
      <c r="D32" s="733"/>
      <c r="E32" s="741">
        <v>3234</v>
      </c>
      <c r="F32" s="742">
        <v>-1975</v>
      </c>
      <c r="G32" s="742">
        <v>2551</v>
      </c>
      <c r="H32" s="842">
        <v>2658</v>
      </c>
      <c r="I32" s="746">
        <v>-0.18366975713674805</v>
      </c>
      <c r="J32" s="746">
        <v>4.6649153616748151E-2</v>
      </c>
      <c r="K32" s="746">
        <v>0.1370206035199999</v>
      </c>
    </row>
    <row r="33" spans="1:11" ht="15" customHeight="1">
      <c r="A33" s="1077"/>
      <c r="B33" s="724"/>
      <c r="C33" s="96" t="s">
        <v>158</v>
      </c>
      <c r="D33" s="733"/>
      <c r="E33" s="741">
        <v>-2039</v>
      </c>
      <c r="F33" s="742">
        <v>-826</v>
      </c>
      <c r="G33" s="742">
        <v>-1545</v>
      </c>
      <c r="H33" s="842">
        <v>334</v>
      </c>
      <c r="I33" s="746">
        <v>-0.18522945075177866</v>
      </c>
      <c r="J33" s="746">
        <v>-0.11757932541990357</v>
      </c>
      <c r="K33" s="746">
        <v>0.30280877617168755</v>
      </c>
    </row>
    <row r="34" spans="1:11" ht="11.25" customHeight="1" thickBot="1">
      <c r="A34" s="94"/>
      <c r="B34" s="748"/>
      <c r="C34" s="709"/>
      <c r="D34" s="749"/>
      <c r="E34" s="750"/>
      <c r="F34" s="751"/>
      <c r="G34" s="751"/>
      <c r="H34" s="843"/>
      <c r="I34" s="752"/>
      <c r="J34" s="752"/>
      <c r="K34" s="752"/>
    </row>
    <row r="35" spans="1:11" ht="9" customHeight="1" thickTop="1">
      <c r="A35" s="95"/>
      <c r="B35" s="95"/>
      <c r="C35" s="96"/>
      <c r="D35" s="96"/>
      <c r="E35" s="97"/>
      <c r="F35" s="97"/>
      <c r="G35" s="97"/>
      <c r="H35" s="97"/>
      <c r="I35" s="98"/>
      <c r="J35" s="98"/>
      <c r="K35" s="98"/>
    </row>
    <row r="36" spans="1:11">
      <c r="A36" s="39" t="s">
        <v>83</v>
      </c>
      <c r="B36" s="1"/>
      <c r="C36" s="1"/>
      <c r="D36" s="1"/>
      <c r="E36" s="1"/>
      <c r="F36" s="1"/>
      <c r="G36" s="1"/>
      <c r="H36" s="1"/>
      <c r="I36" s="1"/>
      <c r="J36" s="1"/>
      <c r="K36" s="1"/>
    </row>
    <row r="37" spans="1:11">
      <c r="A37" s="39" t="s">
        <v>164</v>
      </c>
      <c r="B37" s="1"/>
      <c r="D37" s="1"/>
      <c r="E37" s="1"/>
      <c r="F37" s="1"/>
      <c r="G37" s="1"/>
      <c r="H37" s="1"/>
      <c r="I37" s="1"/>
      <c r="J37" s="1"/>
      <c r="K37" s="1"/>
    </row>
    <row r="38" spans="1:11">
      <c r="A38" s="45" t="s">
        <v>165</v>
      </c>
      <c r="B38" s="1"/>
      <c r="D38" s="1"/>
      <c r="E38" s="1"/>
      <c r="F38" s="1"/>
      <c r="G38" s="1"/>
      <c r="H38" s="1"/>
      <c r="I38" s="1"/>
      <c r="J38" s="1"/>
      <c r="K38" s="1"/>
    </row>
  </sheetData>
  <mergeCells count="9">
    <mergeCell ref="A6:A13"/>
    <mergeCell ref="A16:A23"/>
    <mergeCell ref="A25:A33"/>
    <mergeCell ref="E2:H2"/>
    <mergeCell ref="I2:K2"/>
    <mergeCell ref="E3:E4"/>
    <mergeCell ref="I3:I4"/>
    <mergeCell ref="J3:J4"/>
    <mergeCell ref="K3:K4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orientation="portrait" blackAndWhite="1" r:id="rId1"/>
  <headerFooter scaleWithDoc="0"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7"/>
  <sheetViews>
    <sheetView zoomScaleNormal="100" workbookViewId="0"/>
  </sheetViews>
  <sheetFormatPr defaultColWidth="9" defaultRowHeight="13.5"/>
  <cols>
    <col min="1" max="1" width="11.75" style="3" customWidth="1"/>
    <col min="2" max="12" width="8.625" style="3" customWidth="1"/>
    <col min="13" max="16384" width="9" style="3"/>
  </cols>
  <sheetData>
    <row r="1" spans="1:13" ht="15" thickBot="1">
      <c r="A1" s="997" t="s">
        <v>166</v>
      </c>
      <c r="B1" s="688"/>
      <c r="C1" s="688"/>
      <c r="D1" s="688"/>
      <c r="E1" s="688"/>
      <c r="F1" s="688"/>
      <c r="G1" s="688"/>
      <c r="H1" s="688"/>
      <c r="I1" s="688"/>
    </row>
    <row r="2" spans="1:13" s="1" customFormat="1" ht="15.75" customHeight="1" thickTop="1">
      <c r="A2" s="1085" t="s">
        <v>144</v>
      </c>
      <c r="B2" s="1088" t="s">
        <v>167</v>
      </c>
      <c r="C2" s="1089"/>
      <c r="D2" s="1089"/>
      <c r="E2" s="1090"/>
      <c r="F2" s="1088" t="s">
        <v>168</v>
      </c>
      <c r="G2" s="1089"/>
      <c r="H2" s="1089"/>
      <c r="I2" s="1090"/>
      <c r="J2" s="1088" t="s">
        <v>169</v>
      </c>
      <c r="K2" s="1089"/>
      <c r="L2" s="1089"/>
    </row>
    <row r="3" spans="1:13" s="1" customFormat="1" ht="12">
      <c r="A3" s="1086"/>
      <c r="B3" s="689" t="s">
        <v>170</v>
      </c>
      <c r="C3" s="689" t="s">
        <v>48</v>
      </c>
      <c r="D3" s="689" t="s">
        <v>49</v>
      </c>
      <c r="E3" s="689" t="s">
        <v>171</v>
      </c>
      <c r="F3" s="689" t="s">
        <v>170</v>
      </c>
      <c r="G3" s="689" t="s">
        <v>48</v>
      </c>
      <c r="H3" s="689" t="s">
        <v>49</v>
      </c>
      <c r="I3" s="689" t="s">
        <v>171</v>
      </c>
      <c r="J3" s="689" t="s">
        <v>170</v>
      </c>
      <c r="K3" s="689" t="s">
        <v>48</v>
      </c>
      <c r="L3" s="690" t="s">
        <v>49</v>
      </c>
    </row>
    <row r="4" spans="1:13" s="1" customFormat="1" ht="12">
      <c r="A4" s="1087"/>
      <c r="B4" s="691"/>
      <c r="C4" s="692" t="s">
        <v>172</v>
      </c>
      <c r="D4" s="692" t="s">
        <v>173</v>
      </c>
      <c r="E4" s="692" t="s">
        <v>174</v>
      </c>
      <c r="F4" s="692"/>
      <c r="G4" s="692" t="s">
        <v>175</v>
      </c>
      <c r="H4" s="692" t="s">
        <v>176</v>
      </c>
      <c r="I4" s="692" t="s">
        <v>177</v>
      </c>
      <c r="J4" s="691"/>
      <c r="K4" s="691"/>
      <c r="L4" s="693"/>
    </row>
    <row r="5" spans="1:13" s="1" customFormat="1" ht="12">
      <c r="A5" s="99"/>
      <c r="B5" s="19" t="s">
        <v>178</v>
      </c>
      <c r="C5" s="19" t="s">
        <v>179</v>
      </c>
      <c r="D5" s="19" t="s">
        <v>179</v>
      </c>
      <c r="E5" s="19" t="s">
        <v>179</v>
      </c>
      <c r="F5" s="19" t="s">
        <v>178</v>
      </c>
      <c r="G5" s="19" t="s">
        <v>179</v>
      </c>
      <c r="H5" s="19" t="s">
        <v>179</v>
      </c>
      <c r="I5" s="19" t="s">
        <v>179</v>
      </c>
      <c r="J5" s="19" t="s">
        <v>179</v>
      </c>
      <c r="K5" s="19" t="s">
        <v>179</v>
      </c>
      <c r="L5" s="694" t="s">
        <v>179</v>
      </c>
    </row>
    <row r="6" spans="1:13" s="700" customFormat="1" ht="12">
      <c r="A6" s="695" t="s">
        <v>152</v>
      </c>
      <c r="B6" s="696">
        <v>46.8</v>
      </c>
      <c r="C6" s="697">
        <v>45.5</v>
      </c>
      <c r="D6" s="698">
        <v>48.07</v>
      </c>
      <c r="E6" s="697">
        <v>2.5700000000000003</v>
      </c>
      <c r="F6" s="698">
        <v>46.52</v>
      </c>
      <c r="G6" s="697">
        <v>45.24</v>
      </c>
      <c r="H6" s="698">
        <v>47.78</v>
      </c>
      <c r="I6" s="697">
        <v>2.54</v>
      </c>
      <c r="J6" s="697">
        <v>0.27999999999999403</v>
      </c>
      <c r="K6" s="697">
        <v>0.25999999999999801</v>
      </c>
      <c r="L6" s="699">
        <v>0.28999999999999915</v>
      </c>
    </row>
    <row r="7" spans="1:13" s="1" customFormat="1" ht="12">
      <c r="A7" s="41"/>
      <c r="B7" s="701"/>
      <c r="C7" s="701"/>
      <c r="D7" s="701"/>
      <c r="E7" s="701"/>
      <c r="F7" s="701"/>
      <c r="G7" s="701"/>
      <c r="H7" s="701"/>
      <c r="I7" s="701"/>
      <c r="J7" s="701"/>
      <c r="K7" s="701"/>
      <c r="L7" s="702"/>
    </row>
    <row r="8" spans="1:13" s="1" customFormat="1" ht="16.5" customHeight="1">
      <c r="A8" s="96" t="s">
        <v>153</v>
      </c>
      <c r="B8" s="703">
        <v>46.69</v>
      </c>
      <c r="C8" s="703">
        <v>45.41</v>
      </c>
      <c r="D8" s="703">
        <v>47.93</v>
      </c>
      <c r="E8" s="704">
        <v>2.5200000000000031</v>
      </c>
      <c r="F8" s="705">
        <v>46.42</v>
      </c>
      <c r="G8" s="705">
        <v>45.16</v>
      </c>
      <c r="H8" s="705">
        <v>47.65</v>
      </c>
      <c r="I8" s="705">
        <v>2.4900000000000002</v>
      </c>
      <c r="J8" s="705">
        <v>0.26999999999999602</v>
      </c>
      <c r="K8" s="705">
        <v>0.25</v>
      </c>
      <c r="L8" s="706">
        <v>0.28000000000000114</v>
      </c>
      <c r="M8" s="707"/>
    </row>
    <row r="9" spans="1:13" s="1" customFormat="1" ht="16.5" customHeight="1">
      <c r="A9" s="96" t="s">
        <v>154</v>
      </c>
      <c r="B9" s="703">
        <v>44</v>
      </c>
      <c r="C9" s="703">
        <v>42.96</v>
      </c>
      <c r="D9" s="703">
        <v>45.06</v>
      </c>
      <c r="E9" s="704">
        <v>2.1000000000000014</v>
      </c>
      <c r="F9" s="705">
        <v>43.75</v>
      </c>
      <c r="G9" s="705">
        <v>42.72</v>
      </c>
      <c r="H9" s="705">
        <v>44.8</v>
      </c>
      <c r="I9" s="705">
        <v>2.08</v>
      </c>
      <c r="J9" s="705">
        <v>0.25</v>
      </c>
      <c r="K9" s="705">
        <v>0.24000000000000199</v>
      </c>
      <c r="L9" s="706">
        <v>0.26000000000000512</v>
      </c>
      <c r="M9" s="707"/>
    </row>
    <row r="10" spans="1:13" s="1" customFormat="1" ht="16.5" customHeight="1">
      <c r="A10" s="96" t="s">
        <v>155</v>
      </c>
      <c r="B10" s="703">
        <v>50.39</v>
      </c>
      <c r="C10" s="703">
        <v>48.54</v>
      </c>
      <c r="D10" s="703">
        <v>52.15</v>
      </c>
      <c r="E10" s="704">
        <v>3.6099999999999994</v>
      </c>
      <c r="F10" s="703">
        <v>50.09</v>
      </c>
      <c r="G10" s="703">
        <v>48.25</v>
      </c>
      <c r="H10" s="703">
        <v>51.84</v>
      </c>
      <c r="I10" s="704">
        <v>3.59</v>
      </c>
      <c r="J10" s="704">
        <v>0.29999999999999716</v>
      </c>
      <c r="K10" s="704">
        <v>0.28999999999999915</v>
      </c>
      <c r="L10" s="708">
        <v>0.30999999999999517</v>
      </c>
      <c r="M10" s="707"/>
    </row>
    <row r="11" spans="1:13" s="1" customFormat="1" ht="16.5" customHeight="1">
      <c r="A11" s="96" t="s">
        <v>156</v>
      </c>
      <c r="B11" s="703">
        <v>46.85</v>
      </c>
      <c r="C11" s="703">
        <v>45.73</v>
      </c>
      <c r="D11" s="703">
        <v>47.98</v>
      </c>
      <c r="E11" s="704">
        <v>2.25</v>
      </c>
      <c r="F11" s="703">
        <v>46.55</v>
      </c>
      <c r="G11" s="703">
        <v>45.44</v>
      </c>
      <c r="H11" s="703">
        <v>47.67</v>
      </c>
      <c r="I11" s="704">
        <v>2.23</v>
      </c>
      <c r="J11" s="704">
        <v>0.30000000000000426</v>
      </c>
      <c r="K11" s="704">
        <v>0.28999999999999915</v>
      </c>
      <c r="L11" s="708">
        <v>0.30999999999999517</v>
      </c>
      <c r="M11" s="707"/>
    </row>
    <row r="12" spans="1:13" s="1" customFormat="1" ht="16.5" customHeight="1">
      <c r="A12" s="96" t="s">
        <v>157</v>
      </c>
      <c r="B12" s="703">
        <v>47.46</v>
      </c>
      <c r="C12" s="703">
        <v>46.07</v>
      </c>
      <c r="D12" s="703">
        <v>48.81</v>
      </c>
      <c r="E12" s="704">
        <v>2.740000000000002</v>
      </c>
      <c r="F12" s="703">
        <v>47.17</v>
      </c>
      <c r="G12" s="703">
        <v>45.79</v>
      </c>
      <c r="H12" s="703">
        <v>48.52</v>
      </c>
      <c r="I12" s="704">
        <v>2.73</v>
      </c>
      <c r="J12" s="704">
        <v>0.28999999999999915</v>
      </c>
      <c r="K12" s="704">
        <v>0.28000000000000114</v>
      </c>
      <c r="L12" s="708">
        <v>0.28999999999999915</v>
      </c>
      <c r="M12" s="707"/>
    </row>
    <row r="13" spans="1:13" s="1" customFormat="1" ht="16.5" customHeight="1">
      <c r="A13" s="96" t="s">
        <v>158</v>
      </c>
      <c r="B13" s="703">
        <v>50.36</v>
      </c>
      <c r="C13" s="703">
        <v>48.73</v>
      </c>
      <c r="D13" s="703">
        <v>51.88</v>
      </c>
      <c r="E13" s="704">
        <v>3.1500000000000057</v>
      </c>
      <c r="F13" s="703">
        <v>50</v>
      </c>
      <c r="G13" s="703">
        <v>48.4</v>
      </c>
      <c r="H13" s="703">
        <v>51.51</v>
      </c>
      <c r="I13" s="704">
        <v>3.11</v>
      </c>
      <c r="J13" s="704">
        <v>0.35999999999999943</v>
      </c>
      <c r="K13" s="704">
        <v>0.32999999999999829</v>
      </c>
      <c r="L13" s="708">
        <v>0.37000000000000455</v>
      </c>
      <c r="M13" s="707"/>
    </row>
    <row r="14" spans="1:13" s="1" customFormat="1" ht="11.25" customHeight="1" thickBot="1">
      <c r="A14" s="709"/>
      <c r="B14" s="710"/>
      <c r="C14" s="710"/>
      <c r="D14" s="710"/>
      <c r="E14" s="710"/>
      <c r="F14" s="711"/>
      <c r="G14" s="711"/>
      <c r="H14" s="711"/>
      <c r="I14" s="711"/>
      <c r="J14" s="711"/>
      <c r="K14" s="711"/>
      <c r="L14" s="712"/>
      <c r="M14" s="707"/>
    </row>
    <row r="15" spans="1:13" ht="14.25" thickTop="1"/>
    <row r="16" spans="1:13">
      <c r="B16" s="713"/>
    </row>
    <row r="17" spans="2:2">
      <c r="B17" s="713"/>
    </row>
  </sheetData>
  <mergeCells count="4">
    <mergeCell ref="A2:A4"/>
    <mergeCell ref="B2:E2"/>
    <mergeCell ref="F2:I2"/>
    <mergeCell ref="J2:L2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83" orientation="portrait" blackAndWhite="1" r:id="rId1"/>
  <headerFooter scaleWithDoc="0"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9"/>
  <sheetViews>
    <sheetView zoomScaleNormal="100" zoomScaleSheetLayoutView="100" workbookViewId="0"/>
  </sheetViews>
  <sheetFormatPr defaultRowHeight="13.5"/>
  <cols>
    <col min="1" max="1" width="3.75" style="80" customWidth="1"/>
    <col min="2" max="2" width="11.25" style="653" customWidth="1"/>
    <col min="3" max="9" width="12.5" style="80" customWidth="1"/>
    <col min="10" max="10" width="9.75" style="80" bestFit="1" customWidth="1"/>
    <col min="11" max="15" width="11.25" style="80" customWidth="1"/>
    <col min="16" max="16384" width="9" style="80"/>
  </cols>
  <sheetData>
    <row r="1" spans="1:16" ht="15" customHeight="1" thickBot="1">
      <c r="A1" s="678" t="s">
        <v>180</v>
      </c>
      <c r="B1" s="679"/>
      <c r="C1" s="654"/>
    </row>
    <row r="2" spans="1:16" s="115" customFormat="1" ht="12.75" customHeight="1" thickTop="1">
      <c r="A2" s="1093" t="s">
        <v>181</v>
      </c>
      <c r="B2" s="1094"/>
      <c r="C2" s="1097" t="s">
        <v>182</v>
      </c>
      <c r="D2" s="1072" t="s">
        <v>183</v>
      </c>
      <c r="E2" s="1072" t="s">
        <v>184</v>
      </c>
      <c r="F2" s="1072" t="s">
        <v>185</v>
      </c>
      <c r="G2" s="1072" t="s">
        <v>186</v>
      </c>
      <c r="H2" s="1072" t="s">
        <v>187</v>
      </c>
      <c r="I2" s="1091" t="s">
        <v>188</v>
      </c>
      <c r="J2" s="79"/>
    </row>
    <row r="3" spans="1:16" s="115" customFormat="1" ht="12.75" customHeight="1">
      <c r="A3" s="1095"/>
      <c r="B3" s="1096"/>
      <c r="C3" s="1098"/>
      <c r="D3" s="1073"/>
      <c r="E3" s="1073"/>
      <c r="F3" s="1073"/>
      <c r="G3" s="1073"/>
      <c r="H3" s="1073"/>
      <c r="I3" s="1092"/>
      <c r="J3" s="79"/>
    </row>
    <row r="4" spans="1:16" s="115" customFormat="1" ht="13.5" customHeight="1">
      <c r="A4" s="117"/>
      <c r="B4" s="655"/>
      <c r="C4" s="106" t="s">
        <v>189</v>
      </c>
      <c r="D4" s="107" t="s">
        <v>190</v>
      </c>
      <c r="E4" s="106" t="s">
        <v>190</v>
      </c>
      <c r="F4" s="87" t="s">
        <v>189</v>
      </c>
      <c r="G4" s="107" t="s">
        <v>189</v>
      </c>
      <c r="H4" s="107" t="s">
        <v>189</v>
      </c>
      <c r="I4" s="107" t="s">
        <v>189</v>
      </c>
      <c r="J4" s="79"/>
    </row>
    <row r="5" spans="1:16" s="115" customFormat="1" ht="13.5" customHeight="1">
      <c r="A5" s="117"/>
      <c r="B5" s="655" t="s">
        <v>191</v>
      </c>
      <c r="C5" s="108">
        <v>9231177</v>
      </c>
      <c r="D5" s="109">
        <v>3772029</v>
      </c>
      <c r="E5" s="108">
        <v>1538825</v>
      </c>
      <c r="F5" s="110">
        <v>685839</v>
      </c>
      <c r="G5" s="109">
        <v>1586768</v>
      </c>
      <c r="H5" s="109">
        <v>1313636</v>
      </c>
      <c r="I5" s="109">
        <v>334080</v>
      </c>
      <c r="J5" s="677"/>
    </row>
    <row r="6" spans="1:16" s="115" customFormat="1" ht="13.5" customHeight="1">
      <c r="A6" s="117"/>
      <c r="B6" s="656"/>
      <c r="C6" s="100"/>
      <c r="D6" s="101"/>
      <c r="E6" s="102"/>
      <c r="F6" s="103"/>
      <c r="G6" s="102"/>
      <c r="H6" s="103"/>
      <c r="I6" s="101"/>
      <c r="J6" s="79"/>
      <c r="K6" s="114"/>
      <c r="L6" s="114"/>
      <c r="M6" s="114"/>
      <c r="N6" s="114"/>
      <c r="O6" s="114"/>
    </row>
    <row r="7" spans="1:16" s="115" customFormat="1" ht="13.5" customHeight="1">
      <c r="A7" s="81"/>
      <c r="B7" s="655" t="s">
        <v>192</v>
      </c>
      <c r="C7" s="111">
        <v>319528</v>
      </c>
      <c r="D7" s="657">
        <v>130456</v>
      </c>
      <c r="E7" s="657">
        <v>60875</v>
      </c>
      <c r="F7" s="657">
        <v>19219</v>
      </c>
      <c r="G7" s="657">
        <v>54333</v>
      </c>
      <c r="H7" s="657">
        <v>45214</v>
      </c>
      <c r="I7" s="105">
        <v>9431</v>
      </c>
      <c r="J7" s="79"/>
      <c r="K7" s="104"/>
      <c r="L7" s="104"/>
      <c r="M7" s="104"/>
      <c r="N7" s="104"/>
      <c r="O7" s="104"/>
      <c r="P7" s="680"/>
    </row>
    <row r="8" spans="1:16" s="115" customFormat="1" ht="13.5" customHeight="1">
      <c r="A8" s="81"/>
      <c r="B8" s="655" t="s">
        <v>193</v>
      </c>
      <c r="C8" s="111">
        <v>362880</v>
      </c>
      <c r="D8" s="658">
        <v>147928</v>
      </c>
      <c r="E8" s="658">
        <v>63249</v>
      </c>
      <c r="F8" s="658">
        <v>24734</v>
      </c>
      <c r="G8" s="658">
        <v>61440</v>
      </c>
      <c r="H8" s="658">
        <v>53885</v>
      </c>
      <c r="I8" s="105">
        <v>11644</v>
      </c>
      <c r="J8" s="79"/>
      <c r="K8" s="104"/>
      <c r="L8" s="104"/>
      <c r="M8" s="104"/>
      <c r="N8" s="104"/>
      <c r="O8" s="104"/>
    </row>
    <row r="9" spans="1:16" s="115" customFormat="1" ht="13.5" customHeight="1">
      <c r="A9" s="81"/>
      <c r="B9" s="655" t="s">
        <v>194</v>
      </c>
      <c r="C9" s="111">
        <v>383591</v>
      </c>
      <c r="D9" s="658">
        <v>155766</v>
      </c>
      <c r="E9" s="658">
        <v>62162</v>
      </c>
      <c r="F9" s="658">
        <v>27931</v>
      </c>
      <c r="G9" s="658">
        <v>66609</v>
      </c>
      <c r="H9" s="658">
        <v>57828</v>
      </c>
      <c r="I9" s="105">
        <v>13295</v>
      </c>
      <c r="J9" s="79"/>
      <c r="K9" s="104"/>
      <c r="L9" s="104"/>
      <c r="M9" s="104"/>
      <c r="N9" s="104"/>
      <c r="O9" s="104"/>
    </row>
    <row r="10" spans="1:16" s="115" customFormat="1" ht="13.5" customHeight="1">
      <c r="A10" s="81"/>
      <c r="B10" s="655" t="s">
        <v>195</v>
      </c>
      <c r="C10" s="111">
        <v>398649</v>
      </c>
      <c r="D10" s="658">
        <v>162208</v>
      </c>
      <c r="E10" s="658">
        <v>61512</v>
      </c>
      <c r="F10" s="658">
        <v>31419</v>
      </c>
      <c r="G10" s="658">
        <v>69150</v>
      </c>
      <c r="H10" s="658">
        <v>59859</v>
      </c>
      <c r="I10" s="105">
        <v>14501</v>
      </c>
      <c r="J10" s="79"/>
      <c r="K10" s="104"/>
      <c r="L10" s="104"/>
      <c r="M10" s="104"/>
      <c r="N10" s="104"/>
      <c r="O10" s="104"/>
    </row>
    <row r="11" spans="1:16" s="115" customFormat="1" ht="13.5" customHeight="1">
      <c r="A11" s="81" t="s">
        <v>196</v>
      </c>
      <c r="B11" s="656" t="s">
        <v>197</v>
      </c>
      <c r="C11" s="111">
        <v>492720</v>
      </c>
      <c r="D11" s="658">
        <v>201718</v>
      </c>
      <c r="E11" s="659">
        <v>91038</v>
      </c>
      <c r="F11" s="659">
        <v>31886</v>
      </c>
      <c r="G11" s="659">
        <v>85449</v>
      </c>
      <c r="H11" s="659">
        <v>67558</v>
      </c>
      <c r="I11" s="660">
        <v>15071</v>
      </c>
      <c r="J11" s="79"/>
      <c r="K11" s="104"/>
      <c r="L11" s="104"/>
      <c r="M11" s="104"/>
      <c r="N11" s="104"/>
      <c r="O11" s="104"/>
    </row>
    <row r="12" spans="1:16" s="115" customFormat="1" ht="13.5" customHeight="1">
      <c r="A12" s="81" t="s">
        <v>198</v>
      </c>
      <c r="B12" s="655" t="s">
        <v>199</v>
      </c>
      <c r="C12" s="112">
        <v>486193</v>
      </c>
      <c r="D12" s="657">
        <v>199103</v>
      </c>
      <c r="E12" s="658">
        <v>105904</v>
      </c>
      <c r="F12" s="658">
        <v>25944</v>
      </c>
      <c r="G12" s="658">
        <v>82458</v>
      </c>
      <c r="H12" s="658">
        <v>59128</v>
      </c>
      <c r="I12" s="105">
        <v>13656</v>
      </c>
      <c r="J12" s="79"/>
      <c r="K12" s="104"/>
      <c r="L12" s="104"/>
      <c r="M12" s="104"/>
      <c r="N12" s="104"/>
      <c r="O12" s="104"/>
    </row>
    <row r="13" spans="1:16" s="115" customFormat="1" ht="13.5" customHeight="1">
      <c r="A13" s="81">
        <v>4</v>
      </c>
      <c r="B13" s="655" t="s">
        <v>200</v>
      </c>
      <c r="C13" s="111">
        <v>485150</v>
      </c>
      <c r="D13" s="658">
        <v>197759</v>
      </c>
      <c r="E13" s="658">
        <v>101516</v>
      </c>
      <c r="F13" s="658">
        <v>27759</v>
      </c>
      <c r="G13" s="658">
        <v>82096</v>
      </c>
      <c r="H13" s="658">
        <v>61960</v>
      </c>
      <c r="I13" s="105">
        <v>14060</v>
      </c>
      <c r="J13" s="79"/>
      <c r="K13" s="104"/>
      <c r="L13" s="104"/>
      <c r="M13" s="104"/>
      <c r="N13" s="104"/>
      <c r="O13" s="104"/>
    </row>
    <row r="14" spans="1:16" s="115" customFormat="1" ht="13.5" customHeight="1">
      <c r="A14" s="81" t="s">
        <v>201</v>
      </c>
      <c r="B14" s="655" t="s">
        <v>202</v>
      </c>
      <c r="C14" s="111">
        <v>545264</v>
      </c>
      <c r="D14" s="658">
        <v>222226</v>
      </c>
      <c r="E14" s="658">
        <v>107326</v>
      </c>
      <c r="F14" s="658">
        <v>33355</v>
      </c>
      <c r="G14" s="658">
        <v>91534</v>
      </c>
      <c r="H14" s="658">
        <v>74318</v>
      </c>
      <c r="I14" s="105">
        <v>16505</v>
      </c>
      <c r="J14" s="79"/>
      <c r="K14" s="104"/>
      <c r="L14" s="104"/>
      <c r="M14" s="104"/>
      <c r="N14" s="104"/>
      <c r="O14" s="104"/>
    </row>
    <row r="15" spans="1:16" s="115" customFormat="1" ht="13.5" customHeight="1">
      <c r="A15" s="81">
        <v>1</v>
      </c>
      <c r="B15" s="655" t="s">
        <v>203</v>
      </c>
      <c r="C15" s="111">
        <v>614154</v>
      </c>
      <c r="D15" s="658">
        <v>248893</v>
      </c>
      <c r="E15" s="658">
        <v>112132</v>
      </c>
      <c r="F15" s="658">
        <v>41146</v>
      </c>
      <c r="G15" s="658">
        <v>104755</v>
      </c>
      <c r="H15" s="658">
        <v>87648</v>
      </c>
      <c r="I15" s="105">
        <v>19580</v>
      </c>
      <c r="J15" s="79"/>
      <c r="K15" s="104"/>
      <c r="L15" s="104"/>
      <c r="M15" s="104"/>
      <c r="N15" s="104"/>
      <c r="O15" s="104"/>
    </row>
    <row r="16" spans="1:16" s="115" customFormat="1" ht="13.5" customHeight="1">
      <c r="A16" s="81" t="s">
        <v>204</v>
      </c>
      <c r="B16" s="656" t="s">
        <v>205</v>
      </c>
      <c r="C16" s="100">
        <v>745633</v>
      </c>
      <c r="D16" s="659">
        <v>304388</v>
      </c>
      <c r="E16" s="659">
        <v>127087</v>
      </c>
      <c r="F16" s="659">
        <v>54165</v>
      </c>
      <c r="G16" s="659">
        <v>128941</v>
      </c>
      <c r="H16" s="659">
        <v>106210</v>
      </c>
      <c r="I16" s="660">
        <v>24842</v>
      </c>
      <c r="J16" s="79"/>
      <c r="K16" s="104"/>
      <c r="L16" s="104"/>
      <c r="M16" s="104"/>
      <c r="N16" s="104"/>
      <c r="O16" s="104"/>
    </row>
    <row r="17" spans="1:15" s="115" customFormat="1" ht="13.5" customHeight="1">
      <c r="A17" s="81">
        <v>1</v>
      </c>
      <c r="B17" s="655" t="s">
        <v>206</v>
      </c>
      <c r="C17" s="111">
        <v>759350</v>
      </c>
      <c r="D17" s="658">
        <v>316897</v>
      </c>
      <c r="E17" s="658">
        <v>124549</v>
      </c>
      <c r="F17" s="658">
        <v>56371</v>
      </c>
      <c r="G17" s="658">
        <v>129432</v>
      </c>
      <c r="H17" s="658">
        <v>106266</v>
      </c>
      <c r="I17" s="105">
        <v>25835</v>
      </c>
      <c r="J17" s="79"/>
      <c r="K17" s="104"/>
      <c r="L17" s="104"/>
      <c r="M17" s="104"/>
      <c r="N17" s="104"/>
      <c r="O17" s="104"/>
    </row>
    <row r="18" spans="1:15" s="115" customFormat="1" ht="13.5" customHeight="1">
      <c r="A18" s="81" t="s">
        <v>207</v>
      </c>
      <c r="B18" s="655" t="s">
        <v>208</v>
      </c>
      <c r="C18" s="111">
        <v>602868</v>
      </c>
      <c r="D18" s="658">
        <v>253675</v>
      </c>
      <c r="E18" s="658">
        <v>96537</v>
      </c>
      <c r="F18" s="658">
        <v>45526</v>
      </c>
      <c r="G18" s="658">
        <v>100701</v>
      </c>
      <c r="H18" s="658">
        <v>84343</v>
      </c>
      <c r="I18" s="105">
        <v>22086</v>
      </c>
      <c r="J18" s="79"/>
      <c r="K18" s="104"/>
      <c r="L18" s="104"/>
      <c r="M18" s="104"/>
      <c r="N18" s="104"/>
      <c r="O18" s="104"/>
    </row>
    <row r="19" spans="1:15" s="115" customFormat="1" ht="13.5" customHeight="1">
      <c r="A19" s="81" t="s">
        <v>209</v>
      </c>
      <c r="B19" s="655" t="s">
        <v>210</v>
      </c>
      <c r="C19" s="111">
        <v>497116</v>
      </c>
      <c r="D19" s="658">
        <v>205967</v>
      </c>
      <c r="E19" s="658">
        <v>74889</v>
      </c>
      <c r="F19" s="658">
        <v>40185</v>
      </c>
      <c r="G19" s="658">
        <v>83726</v>
      </c>
      <c r="H19" s="658">
        <v>71808</v>
      </c>
      <c r="I19" s="105">
        <v>20541</v>
      </c>
      <c r="J19" s="79"/>
      <c r="K19" s="104"/>
      <c r="L19" s="104"/>
      <c r="M19" s="104"/>
      <c r="N19" s="104"/>
      <c r="O19" s="104"/>
    </row>
    <row r="20" spans="1:15" s="115" customFormat="1" ht="13.5" customHeight="1">
      <c r="A20" s="81" t="s">
        <v>211</v>
      </c>
      <c r="B20" s="655" t="s">
        <v>212</v>
      </c>
      <c r="C20" s="111">
        <v>481333</v>
      </c>
      <c r="D20" s="658">
        <v>192863</v>
      </c>
      <c r="E20" s="658">
        <v>67072</v>
      </c>
      <c r="F20" s="658">
        <v>41288</v>
      </c>
      <c r="G20" s="658">
        <v>85448</v>
      </c>
      <c r="H20" s="658">
        <v>72777</v>
      </c>
      <c r="I20" s="105">
        <v>21885</v>
      </c>
      <c r="J20" s="79"/>
      <c r="K20" s="104"/>
      <c r="L20" s="104"/>
      <c r="M20" s="104"/>
      <c r="N20" s="104"/>
      <c r="O20" s="104"/>
    </row>
    <row r="21" spans="1:15" s="115" customFormat="1" ht="13.5" customHeight="1">
      <c r="A21" s="681"/>
      <c r="B21" s="656" t="s">
        <v>213</v>
      </c>
      <c r="C21" s="111">
        <v>617096</v>
      </c>
      <c r="D21" s="659">
        <v>242763</v>
      </c>
      <c r="E21" s="659">
        <v>80226</v>
      </c>
      <c r="F21" s="659">
        <v>56949</v>
      </c>
      <c r="G21" s="659">
        <v>112034</v>
      </c>
      <c r="H21" s="659">
        <v>96311</v>
      </c>
      <c r="I21" s="660">
        <v>28813</v>
      </c>
      <c r="J21" s="79"/>
      <c r="K21" s="104"/>
      <c r="L21" s="104"/>
      <c r="M21" s="104"/>
      <c r="N21" s="104"/>
      <c r="O21" s="104"/>
    </row>
    <row r="22" spans="1:15" s="115" customFormat="1" ht="13.5" customHeight="1">
      <c r="A22" s="117"/>
      <c r="B22" s="655" t="s">
        <v>214</v>
      </c>
      <c r="C22" s="112">
        <v>461664</v>
      </c>
      <c r="D22" s="658">
        <v>180368</v>
      </c>
      <c r="E22" s="658">
        <v>57651</v>
      </c>
      <c r="F22" s="658">
        <v>45123</v>
      </c>
      <c r="G22" s="658">
        <v>84964</v>
      </c>
      <c r="H22" s="658">
        <v>72118</v>
      </c>
      <c r="I22" s="105">
        <v>21440</v>
      </c>
      <c r="J22" s="79"/>
      <c r="K22" s="104"/>
      <c r="L22" s="104"/>
      <c r="M22" s="104"/>
      <c r="N22" s="104"/>
      <c r="O22" s="104"/>
    </row>
    <row r="23" spans="1:15" s="115" customFormat="1" ht="13.5" customHeight="1">
      <c r="A23" s="117"/>
      <c r="B23" s="655" t="s">
        <v>215</v>
      </c>
      <c r="C23" s="111">
        <v>376694</v>
      </c>
      <c r="D23" s="658">
        <v>150410</v>
      </c>
      <c r="E23" s="658">
        <v>47043</v>
      </c>
      <c r="F23" s="658">
        <v>37646</v>
      </c>
      <c r="G23" s="658">
        <v>66848</v>
      </c>
      <c r="H23" s="658">
        <v>57349</v>
      </c>
      <c r="I23" s="105">
        <v>17398</v>
      </c>
      <c r="J23" s="79"/>
      <c r="K23" s="104"/>
      <c r="L23" s="104"/>
      <c r="M23" s="104"/>
      <c r="N23" s="104"/>
      <c r="O23" s="104"/>
    </row>
    <row r="24" spans="1:15" s="115" customFormat="1" ht="13.5" customHeight="1">
      <c r="A24" s="117"/>
      <c r="B24" s="655" t="s">
        <v>216</v>
      </c>
      <c r="C24" s="111">
        <v>242137</v>
      </c>
      <c r="D24" s="658">
        <v>100422</v>
      </c>
      <c r="E24" s="658">
        <v>31767</v>
      </c>
      <c r="F24" s="658">
        <v>25490</v>
      </c>
      <c r="G24" s="658">
        <v>37432</v>
      </c>
      <c r="H24" s="658">
        <v>35636</v>
      </c>
      <c r="I24" s="105">
        <v>11390</v>
      </c>
      <c r="J24" s="79"/>
      <c r="K24" s="104"/>
      <c r="L24" s="104"/>
      <c r="M24" s="104"/>
      <c r="N24" s="104"/>
      <c r="O24" s="104"/>
    </row>
    <row r="25" spans="1:15" s="115" customFormat="1" ht="13.5" customHeight="1">
      <c r="A25" s="117"/>
      <c r="B25" s="655" t="s">
        <v>217</v>
      </c>
      <c r="C25" s="111">
        <v>110740</v>
      </c>
      <c r="D25" s="658">
        <v>45634</v>
      </c>
      <c r="E25" s="658">
        <v>15230</v>
      </c>
      <c r="F25" s="658">
        <v>12042</v>
      </c>
      <c r="G25" s="658">
        <v>15826</v>
      </c>
      <c r="H25" s="658">
        <v>16724</v>
      </c>
      <c r="I25" s="105">
        <v>5284</v>
      </c>
      <c r="J25" s="79"/>
      <c r="K25" s="104"/>
      <c r="L25" s="104"/>
      <c r="M25" s="104"/>
      <c r="N25" s="104"/>
      <c r="O25" s="104"/>
    </row>
    <row r="26" spans="1:15" s="115" customFormat="1" ht="13.5" customHeight="1">
      <c r="A26" s="117"/>
      <c r="B26" s="656" t="s">
        <v>218</v>
      </c>
      <c r="C26" s="100">
        <v>29537</v>
      </c>
      <c r="D26" s="659">
        <v>11939</v>
      </c>
      <c r="E26" s="659">
        <v>4022</v>
      </c>
      <c r="F26" s="659">
        <v>3260</v>
      </c>
      <c r="G26" s="659">
        <v>4176</v>
      </c>
      <c r="H26" s="659">
        <v>4639</v>
      </c>
      <c r="I26" s="660">
        <v>1501</v>
      </c>
      <c r="J26" s="79"/>
      <c r="K26" s="104"/>
      <c r="L26" s="104"/>
      <c r="M26" s="104"/>
      <c r="N26" s="104"/>
      <c r="O26" s="104"/>
    </row>
    <row r="27" spans="1:15" s="115" customFormat="1" ht="13.5" customHeight="1">
      <c r="A27" s="117"/>
      <c r="B27" s="844" t="s">
        <v>219</v>
      </c>
      <c r="C27" s="845">
        <v>4806</v>
      </c>
      <c r="D27" s="846">
        <v>1857</v>
      </c>
      <c r="E27" s="846">
        <v>688</v>
      </c>
      <c r="F27" s="846">
        <v>586</v>
      </c>
      <c r="G27" s="846">
        <v>654</v>
      </c>
      <c r="H27" s="846">
        <v>762</v>
      </c>
      <c r="I27" s="847">
        <v>259</v>
      </c>
      <c r="J27" s="79"/>
      <c r="K27" s="104"/>
      <c r="L27" s="104"/>
      <c r="M27" s="104"/>
      <c r="N27" s="104"/>
      <c r="O27" s="104"/>
    </row>
    <row r="28" spans="1:15" s="115" customFormat="1" ht="13.5" customHeight="1">
      <c r="A28" s="117"/>
      <c r="B28" s="655" t="s">
        <v>220</v>
      </c>
      <c r="C28" s="111">
        <v>1065999</v>
      </c>
      <c r="D28" s="674">
        <v>434150</v>
      </c>
      <c r="E28" s="674">
        <v>186286</v>
      </c>
      <c r="F28" s="674">
        <v>71884</v>
      </c>
      <c r="G28" s="674">
        <v>182382</v>
      </c>
      <c r="H28" s="658">
        <v>156927</v>
      </c>
      <c r="I28" s="674">
        <v>34370</v>
      </c>
      <c r="J28" s="677"/>
    </row>
    <row r="29" spans="1:15" s="115" customFormat="1" ht="13.5" customHeight="1">
      <c r="A29" s="117"/>
      <c r="B29" s="655" t="s">
        <v>221</v>
      </c>
      <c r="C29" s="111">
        <v>5627097</v>
      </c>
      <c r="D29" s="674">
        <v>2312834</v>
      </c>
      <c r="E29" s="674">
        <v>1002490</v>
      </c>
      <c r="F29" s="674">
        <v>387756</v>
      </c>
      <c r="G29" s="674">
        <v>958242</v>
      </c>
      <c r="H29" s="674">
        <v>779098</v>
      </c>
      <c r="I29" s="674">
        <v>186677</v>
      </c>
      <c r="J29" s="677"/>
    </row>
    <row r="30" spans="1:15" s="115" customFormat="1" ht="13.5" customHeight="1" thickBot="1">
      <c r="A30" s="489"/>
      <c r="B30" s="682" t="s">
        <v>222</v>
      </c>
      <c r="C30" s="113">
        <v>2324007</v>
      </c>
      <c r="D30" s="683">
        <v>926256</v>
      </c>
      <c r="E30" s="683">
        <v>303699</v>
      </c>
      <c r="F30" s="683">
        <v>222384</v>
      </c>
      <c r="G30" s="683">
        <v>407382</v>
      </c>
      <c r="H30" s="683">
        <v>356316</v>
      </c>
      <c r="I30" s="683">
        <v>107970</v>
      </c>
      <c r="J30" s="79"/>
    </row>
    <row r="31" spans="1:15" s="115" customFormat="1" ht="13.5" customHeight="1" thickTop="1">
      <c r="A31" s="117"/>
      <c r="B31" s="655"/>
      <c r="C31" s="106" t="s">
        <v>189</v>
      </c>
      <c r="D31" s="107" t="s">
        <v>223</v>
      </c>
      <c r="E31" s="106" t="s">
        <v>223</v>
      </c>
      <c r="F31" s="87" t="s">
        <v>223</v>
      </c>
      <c r="G31" s="107" t="s">
        <v>223</v>
      </c>
      <c r="H31" s="107" t="s">
        <v>223</v>
      </c>
      <c r="I31" s="107" t="s">
        <v>223</v>
      </c>
      <c r="J31" s="79"/>
    </row>
    <row r="32" spans="1:15" s="115" customFormat="1" ht="13.5" customHeight="1">
      <c r="A32" s="117"/>
      <c r="B32" s="655" t="s">
        <v>191</v>
      </c>
      <c r="C32" s="108">
        <v>9236337</v>
      </c>
      <c r="D32" s="109">
        <v>3776286</v>
      </c>
      <c r="E32" s="108">
        <v>1538133</v>
      </c>
      <c r="F32" s="110">
        <v>690758</v>
      </c>
      <c r="G32" s="109">
        <v>1584639</v>
      </c>
      <c r="H32" s="109">
        <v>1310402</v>
      </c>
      <c r="I32" s="109">
        <v>336119</v>
      </c>
      <c r="J32" s="79"/>
    </row>
    <row r="33" spans="1:12" s="115" customFormat="1" ht="13.5" customHeight="1">
      <c r="A33" s="117"/>
      <c r="B33" s="656"/>
      <c r="C33" s="100"/>
      <c r="D33" s="103"/>
      <c r="E33" s="102"/>
      <c r="F33" s="103"/>
      <c r="G33" s="102"/>
      <c r="H33" s="103"/>
      <c r="I33" s="101"/>
      <c r="J33" s="79"/>
    </row>
    <row r="34" spans="1:12" s="115" customFormat="1" ht="13.5" customHeight="1">
      <c r="A34" s="81"/>
      <c r="B34" s="655" t="s">
        <v>224</v>
      </c>
      <c r="C34" s="111">
        <v>328537</v>
      </c>
      <c r="D34" s="111">
        <v>133743</v>
      </c>
      <c r="E34" s="111">
        <v>63457</v>
      </c>
      <c r="F34" s="111">
        <v>19994</v>
      </c>
      <c r="G34" s="111">
        <v>55199</v>
      </c>
      <c r="H34" s="111">
        <v>46473</v>
      </c>
      <c r="I34" s="684">
        <v>9671</v>
      </c>
      <c r="J34" s="79"/>
    </row>
    <row r="35" spans="1:12" s="115" customFormat="1" ht="13.5" customHeight="1">
      <c r="A35" s="81"/>
      <c r="B35" s="655" t="s">
        <v>225</v>
      </c>
      <c r="C35" s="111">
        <v>367651</v>
      </c>
      <c r="D35" s="111">
        <v>149638</v>
      </c>
      <c r="E35" s="111">
        <v>63592</v>
      </c>
      <c r="F35" s="111">
        <v>25293</v>
      </c>
      <c r="G35" s="111">
        <v>62737</v>
      </c>
      <c r="H35" s="111">
        <v>54373</v>
      </c>
      <c r="I35" s="684">
        <v>12018</v>
      </c>
      <c r="J35" s="79"/>
    </row>
    <row r="36" spans="1:12" s="115" customFormat="1" ht="13.5" customHeight="1">
      <c r="A36" s="81"/>
      <c r="B36" s="655" t="s">
        <v>226</v>
      </c>
      <c r="C36" s="111">
        <v>386396</v>
      </c>
      <c r="D36" s="111">
        <v>157175</v>
      </c>
      <c r="E36" s="111">
        <v>62139</v>
      </c>
      <c r="F36" s="111">
        <v>28366</v>
      </c>
      <c r="G36" s="111">
        <v>67153</v>
      </c>
      <c r="H36" s="111">
        <v>58056</v>
      </c>
      <c r="I36" s="684">
        <v>13507</v>
      </c>
      <c r="J36" s="79"/>
      <c r="K36" s="685"/>
      <c r="L36" s="685"/>
    </row>
    <row r="37" spans="1:12" s="115" customFormat="1" ht="13.5" customHeight="1">
      <c r="A37" s="81"/>
      <c r="B37" s="655" t="s">
        <v>227</v>
      </c>
      <c r="C37" s="111">
        <v>407024</v>
      </c>
      <c r="D37" s="111">
        <v>165482</v>
      </c>
      <c r="E37" s="111">
        <v>62812</v>
      </c>
      <c r="F37" s="111">
        <v>32010</v>
      </c>
      <c r="G37" s="111">
        <v>70628</v>
      </c>
      <c r="H37" s="111">
        <v>61264</v>
      </c>
      <c r="I37" s="684">
        <v>14828</v>
      </c>
      <c r="J37" s="79"/>
    </row>
    <row r="38" spans="1:12" s="115" customFormat="1" ht="13.5" customHeight="1">
      <c r="A38" s="81" t="s">
        <v>228</v>
      </c>
      <c r="B38" s="656" t="s">
        <v>229</v>
      </c>
      <c r="C38" s="111">
        <v>488692</v>
      </c>
      <c r="D38" s="100">
        <v>200645</v>
      </c>
      <c r="E38" s="100">
        <v>89647</v>
      </c>
      <c r="F38" s="100">
        <v>32058</v>
      </c>
      <c r="G38" s="100">
        <v>84489</v>
      </c>
      <c r="H38" s="100">
        <v>66540</v>
      </c>
      <c r="I38" s="686">
        <v>15313</v>
      </c>
      <c r="J38" s="79"/>
    </row>
    <row r="39" spans="1:12" s="115" customFormat="1" ht="13.5" customHeight="1">
      <c r="A39" s="81" t="s">
        <v>230</v>
      </c>
      <c r="B39" s="655" t="s">
        <v>231</v>
      </c>
      <c r="C39" s="112">
        <v>479498</v>
      </c>
      <c r="D39" s="111">
        <v>196859</v>
      </c>
      <c r="E39" s="111">
        <v>103566</v>
      </c>
      <c r="F39" s="111">
        <v>25996</v>
      </c>
      <c r="G39" s="111">
        <v>81213</v>
      </c>
      <c r="H39" s="111">
        <v>58242</v>
      </c>
      <c r="I39" s="684">
        <v>13622</v>
      </c>
      <c r="J39" s="79"/>
    </row>
    <row r="40" spans="1:12" s="115" customFormat="1" ht="13.5" customHeight="1">
      <c r="A40" s="81">
        <v>3</v>
      </c>
      <c r="B40" s="655" t="s">
        <v>232</v>
      </c>
      <c r="C40" s="111">
        <v>490387</v>
      </c>
      <c r="D40" s="111">
        <v>199702</v>
      </c>
      <c r="E40" s="111">
        <v>103358</v>
      </c>
      <c r="F40" s="111">
        <v>28291</v>
      </c>
      <c r="G40" s="111">
        <v>82615</v>
      </c>
      <c r="H40" s="111">
        <v>62050</v>
      </c>
      <c r="I40" s="684">
        <v>14371</v>
      </c>
      <c r="J40" s="79"/>
    </row>
    <row r="41" spans="1:12" s="115" customFormat="1" ht="13.5" customHeight="1">
      <c r="A41" s="81" t="s">
        <v>201</v>
      </c>
      <c r="B41" s="655" t="s">
        <v>233</v>
      </c>
      <c r="C41" s="111">
        <v>557160</v>
      </c>
      <c r="D41" s="111">
        <v>227024</v>
      </c>
      <c r="E41" s="111">
        <v>109847</v>
      </c>
      <c r="F41" s="111">
        <v>34260</v>
      </c>
      <c r="G41" s="111">
        <v>93279</v>
      </c>
      <c r="H41" s="111">
        <v>75777</v>
      </c>
      <c r="I41" s="684">
        <v>16973</v>
      </c>
      <c r="J41" s="79"/>
    </row>
    <row r="42" spans="1:12" s="115" customFormat="1" ht="13.5" customHeight="1">
      <c r="A42" s="81">
        <v>1</v>
      </c>
      <c r="B42" s="655" t="s">
        <v>234</v>
      </c>
      <c r="C42" s="111">
        <v>635653</v>
      </c>
      <c r="D42" s="111">
        <v>257864</v>
      </c>
      <c r="E42" s="111">
        <v>115772</v>
      </c>
      <c r="F42" s="111">
        <v>43209</v>
      </c>
      <c r="G42" s="111">
        <v>108408</v>
      </c>
      <c r="H42" s="111">
        <v>90159</v>
      </c>
      <c r="I42" s="684">
        <v>20241</v>
      </c>
      <c r="J42" s="79"/>
    </row>
    <row r="43" spans="1:12" s="115" customFormat="1" ht="13.5" customHeight="1">
      <c r="A43" s="81" t="s">
        <v>204</v>
      </c>
      <c r="B43" s="656" t="s">
        <v>235</v>
      </c>
      <c r="C43" s="100">
        <v>765863</v>
      </c>
      <c r="D43" s="111">
        <v>313360</v>
      </c>
      <c r="E43" s="111">
        <v>129575</v>
      </c>
      <c r="F43" s="111">
        <v>56088</v>
      </c>
      <c r="G43" s="111">
        <v>132736</v>
      </c>
      <c r="H43" s="111">
        <v>108470</v>
      </c>
      <c r="I43" s="684">
        <v>25634</v>
      </c>
      <c r="J43" s="79"/>
    </row>
    <row r="44" spans="1:12" s="115" customFormat="1" ht="13.5" customHeight="1">
      <c r="A44" s="81">
        <v>1</v>
      </c>
      <c r="B44" s="655" t="s">
        <v>236</v>
      </c>
      <c r="C44" s="111">
        <v>712846</v>
      </c>
      <c r="D44" s="112">
        <v>298988</v>
      </c>
      <c r="E44" s="112">
        <v>117160</v>
      </c>
      <c r="F44" s="112">
        <v>52699</v>
      </c>
      <c r="G44" s="112">
        <v>120665</v>
      </c>
      <c r="H44" s="112">
        <v>99036</v>
      </c>
      <c r="I44" s="687">
        <v>24298</v>
      </c>
      <c r="J44" s="79"/>
    </row>
    <row r="45" spans="1:12" s="115" customFormat="1" ht="13.5" customHeight="1">
      <c r="A45" s="81" t="s">
        <v>207</v>
      </c>
      <c r="B45" s="655" t="s">
        <v>237</v>
      </c>
      <c r="C45" s="111">
        <v>603394</v>
      </c>
      <c r="D45" s="111">
        <v>254090</v>
      </c>
      <c r="E45" s="111">
        <v>96398</v>
      </c>
      <c r="F45" s="111">
        <v>45927</v>
      </c>
      <c r="G45" s="111">
        <v>100049</v>
      </c>
      <c r="H45" s="111">
        <v>84512</v>
      </c>
      <c r="I45" s="684">
        <v>22418</v>
      </c>
      <c r="J45" s="79"/>
    </row>
    <row r="46" spans="1:12" s="115" customFormat="1" ht="13.5" customHeight="1">
      <c r="A46" s="81" t="s">
        <v>209</v>
      </c>
      <c r="B46" s="655" t="s">
        <v>238</v>
      </c>
      <c r="C46" s="111">
        <v>486986</v>
      </c>
      <c r="D46" s="111">
        <v>201063</v>
      </c>
      <c r="E46" s="111">
        <v>72709</v>
      </c>
      <c r="F46" s="111">
        <v>39642</v>
      </c>
      <c r="G46" s="111">
        <v>82551</v>
      </c>
      <c r="H46" s="111">
        <v>70497</v>
      </c>
      <c r="I46" s="684">
        <v>20524</v>
      </c>
      <c r="J46" s="79"/>
    </row>
    <row r="47" spans="1:12" s="115" customFormat="1" ht="13.5" customHeight="1">
      <c r="A47" s="81" t="s">
        <v>211</v>
      </c>
      <c r="B47" s="655" t="s">
        <v>239</v>
      </c>
      <c r="C47" s="111">
        <v>502930</v>
      </c>
      <c r="D47" s="111">
        <v>200169</v>
      </c>
      <c r="E47" s="111">
        <v>69199</v>
      </c>
      <c r="F47" s="111">
        <v>43618</v>
      </c>
      <c r="G47" s="111">
        <v>90066</v>
      </c>
      <c r="H47" s="111">
        <v>76652</v>
      </c>
      <c r="I47" s="684">
        <v>23226</v>
      </c>
      <c r="J47" s="79"/>
    </row>
    <row r="48" spans="1:12" s="115" customFormat="1" ht="13.5" customHeight="1">
      <c r="A48" s="681"/>
      <c r="B48" s="656" t="s">
        <v>240</v>
      </c>
      <c r="C48" s="111">
        <v>606905</v>
      </c>
      <c r="D48" s="100">
        <v>238599</v>
      </c>
      <c r="E48" s="100">
        <v>78578</v>
      </c>
      <c r="F48" s="100">
        <v>56812</v>
      </c>
      <c r="G48" s="100">
        <v>110114</v>
      </c>
      <c r="H48" s="100">
        <v>94646</v>
      </c>
      <c r="I48" s="686">
        <v>28156</v>
      </c>
      <c r="J48" s="79"/>
    </row>
    <row r="49" spans="1:10" s="115" customFormat="1" ht="13.5" customHeight="1">
      <c r="A49" s="117"/>
      <c r="B49" s="655" t="s">
        <v>241</v>
      </c>
      <c r="C49" s="112">
        <v>477498</v>
      </c>
      <c r="D49" s="111">
        <v>187078</v>
      </c>
      <c r="E49" s="111">
        <v>59683</v>
      </c>
      <c r="F49" s="111">
        <v>47036</v>
      </c>
      <c r="G49" s="111">
        <v>87816</v>
      </c>
      <c r="H49" s="111">
        <v>73847</v>
      </c>
      <c r="I49" s="684">
        <v>22038</v>
      </c>
      <c r="J49" s="79"/>
    </row>
    <row r="50" spans="1:10" s="115" customFormat="1" ht="13.5" customHeight="1">
      <c r="A50" s="117"/>
      <c r="B50" s="655" t="s">
        <v>242</v>
      </c>
      <c r="C50" s="111">
        <v>358146</v>
      </c>
      <c r="D50" s="111">
        <v>144387</v>
      </c>
      <c r="E50" s="111">
        <v>45068</v>
      </c>
      <c r="F50" s="111">
        <v>35892</v>
      </c>
      <c r="G50" s="111">
        <v>62197</v>
      </c>
      <c r="H50" s="111">
        <v>54014</v>
      </c>
      <c r="I50" s="684">
        <v>16588</v>
      </c>
      <c r="J50" s="79"/>
    </row>
    <row r="51" spans="1:10" s="115" customFormat="1" ht="13.5" customHeight="1">
      <c r="A51" s="117"/>
      <c r="B51" s="655" t="s">
        <v>243</v>
      </c>
      <c r="C51" s="111">
        <v>231479</v>
      </c>
      <c r="D51" s="111">
        <v>96215</v>
      </c>
      <c r="E51" s="111">
        <v>30706</v>
      </c>
      <c r="F51" s="111">
        <v>24770</v>
      </c>
      <c r="G51" s="111">
        <v>34806</v>
      </c>
      <c r="H51" s="111">
        <v>34007</v>
      </c>
      <c r="I51" s="684">
        <v>10975</v>
      </c>
      <c r="J51" s="79"/>
    </row>
    <row r="52" spans="1:10" s="115" customFormat="1" ht="13.5" customHeight="1">
      <c r="A52" s="117"/>
      <c r="B52" s="655" t="s">
        <v>244</v>
      </c>
      <c r="C52" s="111">
        <v>103184</v>
      </c>
      <c r="D52" s="111">
        <v>42521</v>
      </c>
      <c r="E52" s="111">
        <v>14099</v>
      </c>
      <c r="F52" s="111">
        <v>11391</v>
      </c>
      <c r="G52" s="111">
        <v>14670</v>
      </c>
      <c r="H52" s="111">
        <v>15490</v>
      </c>
      <c r="I52" s="684">
        <v>5013</v>
      </c>
      <c r="J52" s="79"/>
    </row>
    <row r="53" spans="1:10" s="115" customFormat="1" ht="13.5" customHeight="1">
      <c r="A53" s="117"/>
      <c r="B53" s="656" t="s">
        <v>245</v>
      </c>
      <c r="C53" s="100">
        <v>27631</v>
      </c>
      <c r="D53" s="111">
        <v>11178</v>
      </c>
      <c r="E53" s="111">
        <v>3787</v>
      </c>
      <c r="F53" s="111">
        <v>3072</v>
      </c>
      <c r="G53" s="111">
        <v>3903</v>
      </c>
      <c r="H53" s="111">
        <v>4268</v>
      </c>
      <c r="I53" s="684">
        <v>1423</v>
      </c>
      <c r="J53" s="79"/>
    </row>
    <row r="54" spans="1:10" s="115" customFormat="1" ht="13.5" customHeight="1">
      <c r="A54" s="117"/>
      <c r="B54" s="844" t="s">
        <v>246</v>
      </c>
      <c r="C54" s="845">
        <v>4400</v>
      </c>
      <c r="D54" s="845">
        <v>1717</v>
      </c>
      <c r="E54" s="845">
        <v>631</v>
      </c>
      <c r="F54" s="845">
        <v>519</v>
      </c>
      <c r="G54" s="845">
        <v>582</v>
      </c>
      <c r="H54" s="845">
        <v>734</v>
      </c>
      <c r="I54" s="848">
        <v>217</v>
      </c>
      <c r="J54" s="79"/>
    </row>
    <row r="55" spans="1:10" s="115" customFormat="1" ht="13.5" customHeight="1">
      <c r="A55" s="117"/>
      <c r="B55" s="655" t="s">
        <v>247</v>
      </c>
      <c r="C55" s="111">
        <v>1082584</v>
      </c>
      <c r="D55" s="111">
        <v>440556</v>
      </c>
      <c r="E55" s="111">
        <v>189188</v>
      </c>
      <c r="F55" s="111">
        <v>73653</v>
      </c>
      <c r="G55" s="111">
        <v>185089</v>
      </c>
      <c r="H55" s="111">
        <v>158902</v>
      </c>
      <c r="I55" s="684">
        <v>35196</v>
      </c>
      <c r="J55" s="79"/>
    </row>
    <row r="56" spans="1:10" s="115" customFormat="1" ht="13.5" customHeight="1">
      <c r="A56" s="117"/>
      <c r="B56" s="655" t="s">
        <v>248</v>
      </c>
      <c r="C56" s="111">
        <v>5627503</v>
      </c>
      <c r="D56" s="111">
        <v>2315077</v>
      </c>
      <c r="E56" s="111">
        <v>1000844</v>
      </c>
      <c r="F56" s="111">
        <v>390180</v>
      </c>
      <c r="G56" s="111">
        <v>956633</v>
      </c>
      <c r="H56" s="111">
        <v>776547</v>
      </c>
      <c r="I56" s="684">
        <v>188222</v>
      </c>
      <c r="J56" s="79"/>
    </row>
    <row r="57" spans="1:10" s="115" customFormat="1" ht="13.5" customHeight="1" thickBot="1">
      <c r="A57" s="489"/>
      <c r="B57" s="682" t="s">
        <v>249</v>
      </c>
      <c r="C57" s="113">
        <v>2312173</v>
      </c>
      <c r="D57" s="113">
        <v>921864</v>
      </c>
      <c r="E57" s="113">
        <v>301751</v>
      </c>
      <c r="F57" s="113">
        <v>223110</v>
      </c>
      <c r="G57" s="113">
        <v>404154</v>
      </c>
      <c r="H57" s="113">
        <v>353658</v>
      </c>
      <c r="I57" s="350">
        <v>107636</v>
      </c>
      <c r="J57" s="79"/>
    </row>
    <row r="58" spans="1:10" ht="9" customHeight="1" thickTop="1">
      <c r="A58" s="79"/>
      <c r="B58" s="116"/>
      <c r="C58" s="79"/>
      <c r="D58" s="79"/>
      <c r="E58" s="79"/>
      <c r="F58" s="79"/>
      <c r="G58" s="79"/>
      <c r="H58" s="79"/>
      <c r="I58" s="79"/>
      <c r="J58" s="79"/>
    </row>
    <row r="59" spans="1:10" ht="14.25">
      <c r="A59" s="39" t="s">
        <v>250</v>
      </c>
      <c r="B59" s="114"/>
      <c r="C59" s="115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11" orientation="portrait" blackAndWhite="1" r:id="rId1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49"/>
  <sheetViews>
    <sheetView zoomScaleNormal="100" workbookViewId="0"/>
  </sheetViews>
  <sheetFormatPr defaultRowHeight="13.5"/>
  <cols>
    <col min="1" max="1" width="3.75" style="80" customWidth="1"/>
    <col min="2" max="2" width="11.25" style="653" customWidth="1"/>
    <col min="3" max="9" width="12.5" style="80" customWidth="1"/>
    <col min="10" max="10" width="9" style="80"/>
    <col min="11" max="15" width="11.375" style="475" customWidth="1"/>
    <col min="16" max="16384" width="9" style="80"/>
  </cols>
  <sheetData>
    <row r="1" spans="1:15" ht="15" customHeight="1" thickBot="1">
      <c r="A1" s="652" t="s">
        <v>251</v>
      </c>
      <c r="C1" s="654"/>
    </row>
    <row r="2" spans="1:15" s="115" customFormat="1" ht="13.5" customHeight="1" thickTop="1">
      <c r="A2" s="1099" t="s">
        <v>252</v>
      </c>
      <c r="B2" s="1100"/>
      <c r="C2" s="1072" t="s">
        <v>182</v>
      </c>
      <c r="D2" s="1072" t="s">
        <v>183</v>
      </c>
      <c r="E2" s="1072" t="s">
        <v>184</v>
      </c>
      <c r="F2" s="1072" t="s">
        <v>185</v>
      </c>
      <c r="G2" s="1072" t="s">
        <v>186</v>
      </c>
      <c r="H2" s="1072" t="s">
        <v>253</v>
      </c>
      <c r="I2" s="1091" t="s">
        <v>188</v>
      </c>
      <c r="J2" s="79"/>
      <c r="K2" s="117"/>
      <c r="L2" s="117"/>
      <c r="M2" s="117"/>
      <c r="N2" s="117"/>
      <c r="O2" s="117"/>
    </row>
    <row r="3" spans="1:15" s="115" customFormat="1" ht="13.5" customHeight="1">
      <c r="A3" s="1101"/>
      <c r="B3" s="1102"/>
      <c r="C3" s="1073"/>
      <c r="D3" s="1073"/>
      <c r="E3" s="1073"/>
      <c r="F3" s="1073"/>
      <c r="G3" s="1073"/>
      <c r="H3" s="1073"/>
      <c r="I3" s="1092"/>
      <c r="J3" s="79"/>
      <c r="K3" s="117"/>
      <c r="L3" s="117"/>
      <c r="M3" s="117"/>
      <c r="N3" s="117"/>
      <c r="O3" s="117"/>
    </row>
    <row r="4" spans="1:15" s="115" customFormat="1" ht="13.5" customHeight="1">
      <c r="A4" s="117"/>
      <c r="B4" s="655"/>
      <c r="C4" s="106" t="s">
        <v>189</v>
      </c>
      <c r="D4" s="106" t="s">
        <v>189</v>
      </c>
      <c r="E4" s="106" t="s">
        <v>189</v>
      </c>
      <c r="F4" s="107" t="s">
        <v>189</v>
      </c>
      <c r="G4" s="107" t="s">
        <v>189</v>
      </c>
      <c r="H4" s="107" t="s">
        <v>189</v>
      </c>
      <c r="I4" s="107" t="s">
        <v>189</v>
      </c>
      <c r="J4" s="79"/>
      <c r="K4" s="117"/>
      <c r="L4" s="117"/>
      <c r="M4" s="117"/>
      <c r="N4" s="117"/>
      <c r="O4" s="117"/>
    </row>
    <row r="5" spans="1:15" s="115" customFormat="1" ht="13.5" customHeight="1">
      <c r="A5" s="81"/>
      <c r="B5" s="655" t="s">
        <v>191</v>
      </c>
      <c r="C5" s="108">
        <v>9231177</v>
      </c>
      <c r="D5" s="109">
        <v>3772029</v>
      </c>
      <c r="E5" s="109">
        <v>1538825</v>
      </c>
      <c r="F5" s="109">
        <v>685839</v>
      </c>
      <c r="G5" s="109">
        <v>1586768</v>
      </c>
      <c r="H5" s="109">
        <v>1313636</v>
      </c>
      <c r="I5" s="109">
        <v>334080</v>
      </c>
      <c r="J5" s="79"/>
      <c r="K5" s="117"/>
      <c r="L5" s="117"/>
      <c r="M5" s="117"/>
      <c r="N5" s="117"/>
      <c r="O5" s="117"/>
    </row>
    <row r="6" spans="1:15" s="115" customFormat="1" ht="13.5" customHeight="1">
      <c r="A6" s="81"/>
      <c r="B6" s="656"/>
      <c r="C6" s="100"/>
      <c r="D6" s="101"/>
      <c r="E6" s="101"/>
      <c r="F6" s="101"/>
      <c r="G6" s="102"/>
      <c r="H6" s="103"/>
      <c r="I6" s="101"/>
      <c r="J6" s="79"/>
      <c r="K6" s="79"/>
      <c r="L6" s="79"/>
      <c r="M6" s="79"/>
      <c r="N6" s="79"/>
      <c r="O6" s="79"/>
    </row>
    <row r="7" spans="1:15" s="115" customFormat="1" ht="13.5" customHeight="1">
      <c r="A7" s="81" t="s">
        <v>228</v>
      </c>
      <c r="B7" s="655" t="s">
        <v>254</v>
      </c>
      <c r="C7" s="111">
        <v>682408</v>
      </c>
      <c r="D7" s="657">
        <v>278384</v>
      </c>
      <c r="E7" s="657">
        <v>124124</v>
      </c>
      <c r="F7" s="657">
        <v>43953</v>
      </c>
      <c r="G7" s="657">
        <v>115773</v>
      </c>
      <c r="H7" s="657">
        <v>99099</v>
      </c>
      <c r="I7" s="105">
        <v>21075</v>
      </c>
      <c r="J7" s="79"/>
      <c r="K7" s="79"/>
      <c r="L7" s="79"/>
      <c r="M7" s="79"/>
      <c r="N7" s="79"/>
      <c r="O7" s="79"/>
    </row>
    <row r="8" spans="1:15" s="115" customFormat="1" ht="13.5" customHeight="1">
      <c r="A8" s="81" t="s">
        <v>230</v>
      </c>
      <c r="B8" s="655" t="s">
        <v>255</v>
      </c>
      <c r="C8" s="111">
        <v>782240</v>
      </c>
      <c r="D8" s="658">
        <v>317974</v>
      </c>
      <c r="E8" s="658">
        <v>123674</v>
      </c>
      <c r="F8" s="658">
        <v>59350</v>
      </c>
      <c r="G8" s="658">
        <v>135759</v>
      </c>
      <c r="H8" s="658">
        <v>117687</v>
      </c>
      <c r="I8" s="105">
        <v>27796</v>
      </c>
      <c r="J8" s="79"/>
      <c r="K8" s="79"/>
      <c r="L8" s="79"/>
      <c r="M8" s="79"/>
      <c r="N8" s="79"/>
      <c r="O8" s="79"/>
    </row>
    <row r="9" spans="1:15" s="115" customFormat="1" ht="13.5" customHeight="1">
      <c r="A9" s="81">
        <v>4</v>
      </c>
      <c r="B9" s="655" t="s">
        <v>256</v>
      </c>
      <c r="C9" s="111">
        <v>978913</v>
      </c>
      <c r="D9" s="658">
        <v>400821</v>
      </c>
      <c r="E9" s="658">
        <v>196942</v>
      </c>
      <c r="F9" s="658">
        <v>57830</v>
      </c>
      <c r="G9" s="658">
        <v>167907</v>
      </c>
      <c r="H9" s="658">
        <v>126686</v>
      </c>
      <c r="I9" s="105">
        <v>28727</v>
      </c>
      <c r="J9" s="79"/>
      <c r="K9" s="79"/>
      <c r="L9" s="79"/>
      <c r="M9" s="79"/>
      <c r="N9" s="79"/>
      <c r="O9" s="79"/>
    </row>
    <row r="10" spans="1:15" s="115" customFormat="1" ht="13.5" customHeight="1">
      <c r="A10" s="81" t="s">
        <v>201</v>
      </c>
      <c r="B10" s="655" t="s">
        <v>257</v>
      </c>
      <c r="C10" s="111">
        <v>1030414</v>
      </c>
      <c r="D10" s="658">
        <v>419985</v>
      </c>
      <c r="E10" s="658">
        <v>208842</v>
      </c>
      <c r="F10" s="658">
        <v>61114</v>
      </c>
      <c r="G10" s="658">
        <v>173630</v>
      </c>
      <c r="H10" s="658">
        <v>136278</v>
      </c>
      <c r="I10" s="105">
        <v>30565</v>
      </c>
      <c r="J10" s="79"/>
      <c r="K10" s="79"/>
      <c r="L10" s="79"/>
      <c r="M10" s="79"/>
      <c r="N10" s="79"/>
      <c r="O10" s="79"/>
    </row>
    <row r="11" spans="1:15" s="115" customFormat="1" ht="13.5" customHeight="1">
      <c r="A11" s="81">
        <v>1</v>
      </c>
      <c r="B11" s="656" t="s">
        <v>258</v>
      </c>
      <c r="C11" s="100">
        <v>1359787</v>
      </c>
      <c r="D11" s="659">
        <v>553281</v>
      </c>
      <c r="E11" s="659">
        <v>239219</v>
      </c>
      <c r="F11" s="659">
        <v>95311</v>
      </c>
      <c r="G11" s="659">
        <v>233696</v>
      </c>
      <c r="H11" s="659">
        <v>193858</v>
      </c>
      <c r="I11" s="660">
        <v>44422</v>
      </c>
      <c r="J11" s="79"/>
      <c r="K11" s="79"/>
      <c r="L11" s="79"/>
      <c r="M11" s="79"/>
      <c r="N11" s="79"/>
      <c r="O11" s="79"/>
    </row>
    <row r="12" spans="1:15" s="115" customFormat="1" ht="13.5" customHeight="1">
      <c r="A12" s="81" t="s">
        <v>204</v>
      </c>
      <c r="B12" s="655" t="s">
        <v>259</v>
      </c>
      <c r="C12" s="111">
        <v>1362218</v>
      </c>
      <c r="D12" s="658">
        <v>570572</v>
      </c>
      <c r="E12" s="658">
        <v>221086</v>
      </c>
      <c r="F12" s="658">
        <v>101897</v>
      </c>
      <c r="G12" s="658">
        <v>230133</v>
      </c>
      <c r="H12" s="658">
        <v>190609</v>
      </c>
      <c r="I12" s="105">
        <v>47921</v>
      </c>
      <c r="J12" s="79"/>
      <c r="K12" s="79"/>
      <c r="L12" s="79"/>
      <c r="M12" s="79"/>
      <c r="N12" s="79"/>
      <c r="O12" s="79"/>
    </row>
    <row r="13" spans="1:15" s="115" customFormat="1" ht="13.5" customHeight="1">
      <c r="A13" s="81">
        <v>1</v>
      </c>
      <c r="B13" s="655" t="s">
        <v>260</v>
      </c>
      <c r="C13" s="111">
        <v>978449</v>
      </c>
      <c r="D13" s="658">
        <v>398830</v>
      </c>
      <c r="E13" s="658">
        <v>141961</v>
      </c>
      <c r="F13" s="658">
        <v>81473</v>
      </c>
      <c r="G13" s="658">
        <v>169174</v>
      </c>
      <c r="H13" s="658">
        <v>144585</v>
      </c>
      <c r="I13" s="105">
        <v>42426</v>
      </c>
      <c r="J13" s="79"/>
      <c r="K13" s="79"/>
      <c r="L13" s="79"/>
      <c r="M13" s="79"/>
      <c r="N13" s="79"/>
      <c r="O13" s="79"/>
    </row>
    <row r="14" spans="1:15" s="115" customFormat="1" ht="13.5" customHeight="1">
      <c r="A14" s="81" t="s">
        <v>207</v>
      </c>
      <c r="B14" s="655" t="s">
        <v>261</v>
      </c>
      <c r="C14" s="111">
        <v>1078760</v>
      </c>
      <c r="D14" s="658">
        <v>423131</v>
      </c>
      <c r="E14" s="658">
        <v>137877</v>
      </c>
      <c r="F14" s="658">
        <v>102072</v>
      </c>
      <c r="G14" s="658">
        <v>196998</v>
      </c>
      <c r="H14" s="658">
        <v>168429</v>
      </c>
      <c r="I14" s="105">
        <v>50253</v>
      </c>
      <c r="J14" s="79"/>
      <c r="K14" s="79"/>
      <c r="L14" s="79"/>
      <c r="M14" s="79"/>
      <c r="N14" s="79"/>
      <c r="O14" s="79"/>
    </row>
    <row r="15" spans="1:15" s="115" customFormat="1" ht="13.5" customHeight="1">
      <c r="A15" s="81" t="s">
        <v>209</v>
      </c>
      <c r="B15" s="655" t="s">
        <v>262</v>
      </c>
      <c r="C15" s="111">
        <v>618831</v>
      </c>
      <c r="D15" s="658">
        <v>250832</v>
      </c>
      <c r="E15" s="658">
        <v>78810</v>
      </c>
      <c r="F15" s="658">
        <v>63136</v>
      </c>
      <c r="G15" s="658">
        <v>104280</v>
      </c>
      <c r="H15" s="658">
        <v>92985</v>
      </c>
      <c r="I15" s="105">
        <v>28788</v>
      </c>
      <c r="J15" s="79"/>
      <c r="K15" s="79"/>
      <c r="L15" s="79"/>
      <c r="M15" s="79"/>
      <c r="N15" s="79"/>
      <c r="O15" s="79"/>
    </row>
    <row r="16" spans="1:15" s="115" customFormat="1" ht="13.5" customHeight="1">
      <c r="A16" s="81" t="s">
        <v>211</v>
      </c>
      <c r="B16" s="655" t="s">
        <v>263</v>
      </c>
      <c r="C16" s="100">
        <v>140277</v>
      </c>
      <c r="D16" s="659">
        <v>57573</v>
      </c>
      <c r="E16" s="659">
        <v>19252</v>
      </c>
      <c r="F16" s="659">
        <v>15302</v>
      </c>
      <c r="G16" s="659">
        <v>20002</v>
      </c>
      <c r="H16" s="659">
        <v>21363</v>
      </c>
      <c r="I16" s="660">
        <v>6785</v>
      </c>
      <c r="J16" s="79"/>
      <c r="K16" s="79"/>
      <c r="L16" s="79"/>
      <c r="M16" s="79"/>
      <c r="N16" s="79"/>
      <c r="O16" s="79"/>
    </row>
    <row r="17" spans="1:15" s="115" customFormat="1" ht="13.5" customHeight="1" thickBot="1">
      <c r="A17" s="81"/>
      <c r="B17" s="661" t="s">
        <v>264</v>
      </c>
      <c r="C17" s="100">
        <v>4806</v>
      </c>
      <c r="D17" s="662">
        <v>1857</v>
      </c>
      <c r="E17" s="662">
        <v>688</v>
      </c>
      <c r="F17" s="662">
        <v>586</v>
      </c>
      <c r="G17" s="662">
        <v>654</v>
      </c>
      <c r="H17" s="662">
        <v>762</v>
      </c>
      <c r="I17" s="663">
        <v>259</v>
      </c>
      <c r="J17" s="79"/>
      <c r="K17" s="79"/>
      <c r="L17" s="79"/>
      <c r="M17" s="79"/>
      <c r="N17" s="79"/>
      <c r="O17" s="79"/>
    </row>
    <row r="18" spans="1:15" ht="13.5" customHeight="1" thickTop="1">
      <c r="A18" s="664"/>
      <c r="B18" s="665"/>
      <c r="C18" s="540" t="s">
        <v>189</v>
      </c>
      <c r="D18" s="540" t="s">
        <v>189</v>
      </c>
      <c r="E18" s="540" t="s">
        <v>189</v>
      </c>
      <c r="F18" s="540" t="s">
        <v>189</v>
      </c>
      <c r="G18" s="540" t="s">
        <v>189</v>
      </c>
      <c r="H18" s="540" t="s">
        <v>189</v>
      </c>
      <c r="I18" s="666" t="s">
        <v>189</v>
      </c>
      <c r="J18" s="117"/>
      <c r="K18" s="117"/>
      <c r="L18" s="117"/>
      <c r="M18" s="117"/>
      <c r="N18" s="117"/>
      <c r="O18" s="117"/>
    </row>
    <row r="19" spans="1:15" ht="13.5" customHeight="1">
      <c r="A19" s="81"/>
      <c r="B19" s="667" t="s">
        <v>191</v>
      </c>
      <c r="C19" s="668">
        <v>9236337</v>
      </c>
      <c r="D19" s="668">
        <v>3776286</v>
      </c>
      <c r="E19" s="668">
        <v>1538133</v>
      </c>
      <c r="F19" s="668">
        <v>690758</v>
      </c>
      <c r="G19" s="668">
        <v>1584639</v>
      </c>
      <c r="H19" s="668">
        <v>1310402</v>
      </c>
      <c r="I19" s="669">
        <v>336119</v>
      </c>
      <c r="J19" s="117"/>
      <c r="K19" s="117"/>
      <c r="L19" s="117"/>
      <c r="M19" s="117"/>
      <c r="N19" s="117"/>
      <c r="O19" s="117"/>
    </row>
    <row r="20" spans="1:15" ht="13.5" customHeight="1">
      <c r="A20" s="81"/>
      <c r="B20" s="670"/>
      <c r="C20" s="100"/>
      <c r="D20" s="102"/>
      <c r="E20" s="101"/>
      <c r="F20" s="102"/>
      <c r="G20" s="102"/>
      <c r="H20" s="102"/>
      <c r="I20" s="101"/>
      <c r="J20" s="79"/>
      <c r="K20" s="117"/>
      <c r="L20" s="117"/>
      <c r="M20" s="117"/>
      <c r="N20" s="117"/>
      <c r="O20" s="117"/>
    </row>
    <row r="21" spans="1:15" ht="13.5" customHeight="1">
      <c r="A21" s="81" t="s">
        <v>228</v>
      </c>
      <c r="B21" s="655" t="s">
        <v>265</v>
      </c>
      <c r="C21" s="111">
        <v>696188</v>
      </c>
      <c r="D21" s="671">
        <v>283381</v>
      </c>
      <c r="E21" s="671">
        <v>127049</v>
      </c>
      <c r="F21" s="657">
        <v>45287</v>
      </c>
      <c r="G21" s="657">
        <v>117936</v>
      </c>
      <c r="H21" s="657">
        <v>100846</v>
      </c>
      <c r="I21" s="672">
        <v>21689</v>
      </c>
      <c r="J21" s="79"/>
      <c r="K21" s="117"/>
      <c r="L21" s="117"/>
      <c r="M21" s="117"/>
      <c r="N21" s="117"/>
      <c r="O21" s="117"/>
    </row>
    <row r="22" spans="1:15" ht="13.5" customHeight="1">
      <c r="A22" s="81" t="s">
        <v>230</v>
      </c>
      <c r="B22" s="655" t="s">
        <v>266</v>
      </c>
      <c r="C22" s="111">
        <v>793420</v>
      </c>
      <c r="D22" s="673">
        <v>322657</v>
      </c>
      <c r="E22" s="673">
        <v>124951</v>
      </c>
      <c r="F22" s="105">
        <v>60376</v>
      </c>
      <c r="G22" s="658">
        <v>137781</v>
      </c>
      <c r="H22" s="105">
        <v>119320</v>
      </c>
      <c r="I22" s="674">
        <v>28335</v>
      </c>
      <c r="J22" s="79"/>
      <c r="K22" s="117"/>
      <c r="L22" s="117"/>
      <c r="M22" s="117"/>
      <c r="N22" s="117"/>
      <c r="O22" s="117"/>
    </row>
    <row r="23" spans="1:15" ht="13.5" customHeight="1">
      <c r="A23" s="81">
        <v>3</v>
      </c>
      <c r="B23" s="655" t="s">
        <v>267</v>
      </c>
      <c r="C23" s="111">
        <v>968190</v>
      </c>
      <c r="D23" s="673">
        <v>397504</v>
      </c>
      <c r="E23" s="673">
        <v>193213</v>
      </c>
      <c r="F23" s="105">
        <v>58054</v>
      </c>
      <c r="G23" s="658">
        <v>165702</v>
      </c>
      <c r="H23" s="105">
        <v>124782</v>
      </c>
      <c r="I23" s="674">
        <v>28935</v>
      </c>
      <c r="J23" s="79"/>
      <c r="K23" s="117"/>
      <c r="L23" s="117"/>
      <c r="M23" s="117"/>
      <c r="N23" s="117"/>
      <c r="O23" s="117"/>
    </row>
    <row r="24" spans="1:15" ht="13.5" customHeight="1">
      <c r="A24" s="81" t="s">
        <v>201</v>
      </c>
      <c r="B24" s="655" t="s">
        <v>268</v>
      </c>
      <c r="C24" s="111">
        <v>1047547</v>
      </c>
      <c r="D24" s="673">
        <v>426726</v>
      </c>
      <c r="E24" s="673">
        <v>213205</v>
      </c>
      <c r="F24" s="105">
        <v>62551</v>
      </c>
      <c r="G24" s="658">
        <v>175894</v>
      </c>
      <c r="H24" s="105">
        <v>137827</v>
      </c>
      <c r="I24" s="674">
        <v>31344</v>
      </c>
      <c r="J24" s="79"/>
      <c r="K24" s="117"/>
      <c r="L24" s="117"/>
      <c r="M24" s="117"/>
      <c r="N24" s="117"/>
      <c r="O24" s="117"/>
    </row>
    <row r="25" spans="1:15" ht="13.5" customHeight="1">
      <c r="A25" s="81">
        <v>1</v>
      </c>
      <c r="B25" s="656" t="s">
        <v>269</v>
      </c>
      <c r="C25" s="100">
        <v>1401516</v>
      </c>
      <c r="D25" s="673">
        <v>571224</v>
      </c>
      <c r="E25" s="673">
        <v>245347</v>
      </c>
      <c r="F25" s="105">
        <v>99297</v>
      </c>
      <c r="G25" s="658">
        <v>241144</v>
      </c>
      <c r="H25" s="105">
        <v>198629</v>
      </c>
      <c r="I25" s="674">
        <v>45875</v>
      </c>
      <c r="J25" s="79"/>
      <c r="K25" s="117"/>
      <c r="L25" s="117"/>
      <c r="M25" s="117"/>
      <c r="N25" s="117"/>
      <c r="O25" s="117"/>
    </row>
    <row r="26" spans="1:15" ht="13.5" customHeight="1">
      <c r="A26" s="81" t="s">
        <v>204</v>
      </c>
      <c r="B26" s="655" t="s">
        <v>270</v>
      </c>
      <c r="C26" s="111">
        <v>1316240</v>
      </c>
      <c r="D26" s="671">
        <v>553078</v>
      </c>
      <c r="E26" s="671">
        <v>213558</v>
      </c>
      <c r="F26" s="672">
        <v>98626</v>
      </c>
      <c r="G26" s="657">
        <v>220714</v>
      </c>
      <c r="H26" s="675">
        <v>183548</v>
      </c>
      <c r="I26" s="672">
        <v>46716</v>
      </c>
      <c r="J26" s="79"/>
      <c r="K26" s="117"/>
      <c r="L26" s="117"/>
      <c r="M26" s="117"/>
      <c r="N26" s="117"/>
      <c r="O26" s="117"/>
    </row>
    <row r="27" spans="1:15" ht="13.5" customHeight="1">
      <c r="A27" s="81">
        <v>1</v>
      </c>
      <c r="B27" s="655" t="s">
        <v>271</v>
      </c>
      <c r="C27" s="111">
        <v>989916</v>
      </c>
      <c r="D27" s="673">
        <v>401232</v>
      </c>
      <c r="E27" s="673">
        <v>141908</v>
      </c>
      <c r="F27" s="674">
        <v>83260</v>
      </c>
      <c r="G27" s="658">
        <v>172617</v>
      </c>
      <c r="H27" s="105">
        <v>147149</v>
      </c>
      <c r="I27" s="674">
        <v>43750</v>
      </c>
      <c r="J27" s="79"/>
      <c r="K27" s="117"/>
      <c r="L27" s="117"/>
      <c r="M27" s="117"/>
      <c r="N27" s="117"/>
      <c r="O27" s="117"/>
    </row>
    <row r="28" spans="1:15" ht="13.5" customHeight="1">
      <c r="A28" s="81" t="s">
        <v>207</v>
      </c>
      <c r="B28" s="655" t="s">
        <v>272</v>
      </c>
      <c r="C28" s="111">
        <v>1084403</v>
      </c>
      <c r="D28" s="673">
        <v>425677</v>
      </c>
      <c r="E28" s="676">
        <v>138261</v>
      </c>
      <c r="F28" s="674">
        <v>103848</v>
      </c>
      <c r="G28" s="658">
        <v>197930</v>
      </c>
      <c r="H28" s="105">
        <v>168493</v>
      </c>
      <c r="I28" s="674">
        <v>50194</v>
      </c>
      <c r="J28" s="79"/>
      <c r="K28" s="117"/>
      <c r="L28" s="117"/>
      <c r="M28" s="117"/>
      <c r="N28" s="117"/>
      <c r="O28" s="117"/>
    </row>
    <row r="29" spans="1:15" ht="13.5" customHeight="1">
      <c r="A29" s="81" t="s">
        <v>209</v>
      </c>
      <c r="B29" s="655" t="s">
        <v>273</v>
      </c>
      <c r="C29" s="111">
        <v>589625</v>
      </c>
      <c r="D29" s="673">
        <v>240602</v>
      </c>
      <c r="E29" s="673">
        <v>75774</v>
      </c>
      <c r="F29" s="674">
        <v>60662</v>
      </c>
      <c r="G29" s="658">
        <v>97003</v>
      </c>
      <c r="H29" s="105">
        <v>88021</v>
      </c>
      <c r="I29" s="674">
        <v>27563</v>
      </c>
      <c r="J29" s="79"/>
      <c r="K29" s="117"/>
      <c r="L29" s="117"/>
      <c r="M29" s="117"/>
      <c r="N29" s="117"/>
      <c r="O29" s="117"/>
    </row>
    <row r="30" spans="1:15" ht="13.5" customHeight="1">
      <c r="A30" s="81" t="s">
        <v>211</v>
      </c>
      <c r="B30" s="655" t="s">
        <v>274</v>
      </c>
      <c r="C30" s="111">
        <v>130815</v>
      </c>
      <c r="D30" s="673">
        <v>53699</v>
      </c>
      <c r="E30" s="673">
        <v>17886</v>
      </c>
      <c r="F30" s="674">
        <v>14463</v>
      </c>
      <c r="G30" s="658">
        <v>18573</v>
      </c>
      <c r="H30" s="105">
        <v>19758</v>
      </c>
      <c r="I30" s="674">
        <v>6436</v>
      </c>
      <c r="J30" s="79"/>
      <c r="K30" s="117"/>
      <c r="L30" s="117"/>
      <c r="M30" s="117"/>
      <c r="N30" s="117"/>
      <c r="O30" s="117"/>
    </row>
    <row r="31" spans="1:15" ht="13.5" customHeight="1" thickBot="1">
      <c r="A31" s="73"/>
      <c r="B31" s="849" t="s">
        <v>246</v>
      </c>
      <c r="C31" s="850">
        <v>4400</v>
      </c>
      <c r="D31" s="851">
        <v>1717</v>
      </c>
      <c r="E31" s="851">
        <v>631</v>
      </c>
      <c r="F31" s="852">
        <v>519</v>
      </c>
      <c r="G31" s="853">
        <v>582</v>
      </c>
      <c r="H31" s="852">
        <v>734</v>
      </c>
      <c r="I31" s="854">
        <v>217</v>
      </c>
      <c r="J31" s="79"/>
      <c r="K31" s="117"/>
      <c r="L31" s="117"/>
      <c r="M31" s="117"/>
      <c r="N31" s="117"/>
      <c r="O31" s="117"/>
    </row>
    <row r="32" spans="1:15" ht="9" customHeight="1" thickTop="1">
      <c r="A32" s="79"/>
      <c r="B32" s="116"/>
      <c r="C32" s="677"/>
      <c r="D32" s="79"/>
      <c r="E32" s="79"/>
      <c r="F32" s="79"/>
      <c r="G32" s="79"/>
      <c r="H32" s="79"/>
      <c r="I32" s="79"/>
      <c r="J32" s="79"/>
      <c r="K32" s="117"/>
      <c r="L32" s="117"/>
      <c r="M32" s="117"/>
      <c r="N32" s="117"/>
      <c r="O32" s="117"/>
    </row>
    <row r="33" spans="1:15">
      <c r="A33" s="39" t="s">
        <v>250</v>
      </c>
      <c r="B33" s="116"/>
      <c r="C33" s="79"/>
      <c r="D33" s="79"/>
      <c r="E33" s="79"/>
      <c r="F33" s="79"/>
      <c r="G33" s="79"/>
      <c r="H33" s="79"/>
      <c r="I33" s="79"/>
      <c r="J33" s="79"/>
      <c r="K33" s="117"/>
      <c r="L33" s="117"/>
      <c r="M33" s="117"/>
      <c r="N33" s="80"/>
      <c r="O33" s="80"/>
    </row>
    <row r="34" spans="1:15">
      <c r="A34" s="79"/>
      <c r="B34" s="116"/>
      <c r="C34" s="79"/>
      <c r="D34" s="79"/>
      <c r="E34" s="79"/>
      <c r="F34" s="79"/>
      <c r="G34" s="79"/>
      <c r="H34" s="79"/>
      <c r="I34" s="79"/>
      <c r="J34" s="79"/>
      <c r="K34" s="117"/>
      <c r="L34" s="117"/>
      <c r="M34" s="117"/>
      <c r="N34" s="117"/>
      <c r="O34" s="117"/>
    </row>
    <row r="35" spans="1:15">
      <c r="A35" s="79"/>
      <c r="B35" s="116"/>
      <c r="C35" s="79"/>
      <c r="D35" s="79"/>
      <c r="E35" s="79"/>
      <c r="F35" s="79"/>
      <c r="G35" s="79"/>
      <c r="H35" s="79"/>
      <c r="I35" s="79"/>
      <c r="J35" s="79"/>
      <c r="K35" s="117"/>
      <c r="L35" s="117"/>
      <c r="M35" s="117"/>
      <c r="N35" s="117"/>
      <c r="O35" s="117"/>
    </row>
    <row r="36" spans="1:15">
      <c r="A36" s="79"/>
      <c r="B36" s="116"/>
      <c r="C36" s="79"/>
      <c r="D36" s="79"/>
      <c r="E36" s="79"/>
      <c r="F36" s="79"/>
      <c r="G36" s="79"/>
      <c r="H36" s="79"/>
      <c r="I36" s="79"/>
      <c r="J36" s="79"/>
      <c r="K36" s="117"/>
      <c r="L36" s="117"/>
      <c r="M36" s="117"/>
      <c r="N36" s="117"/>
      <c r="O36" s="117"/>
    </row>
    <row r="37" spans="1:15">
      <c r="A37" s="79"/>
      <c r="B37" s="116"/>
      <c r="C37" s="79"/>
      <c r="D37" s="79"/>
      <c r="E37" s="79"/>
      <c r="F37" s="79"/>
      <c r="G37" s="79"/>
      <c r="H37" s="79"/>
      <c r="I37" s="79"/>
      <c r="J37" s="79"/>
      <c r="K37" s="117"/>
      <c r="L37" s="117"/>
      <c r="M37" s="117"/>
      <c r="N37" s="117"/>
      <c r="O37" s="117"/>
    </row>
    <row r="38" spans="1:15">
      <c r="A38" s="79"/>
      <c r="B38" s="116"/>
      <c r="C38" s="79"/>
      <c r="D38" s="79"/>
      <c r="E38" s="79"/>
      <c r="F38" s="79"/>
      <c r="G38" s="79"/>
      <c r="H38" s="79"/>
      <c r="I38" s="79"/>
      <c r="J38" s="79"/>
      <c r="K38" s="117"/>
      <c r="L38" s="117"/>
      <c r="M38" s="117"/>
      <c r="N38" s="117"/>
      <c r="O38" s="117"/>
    </row>
    <row r="39" spans="1:15">
      <c r="A39" s="79"/>
      <c r="B39" s="116"/>
      <c r="C39" s="79"/>
      <c r="D39" s="79"/>
      <c r="E39" s="79"/>
      <c r="F39" s="79"/>
      <c r="G39" s="79"/>
      <c r="H39" s="79"/>
      <c r="I39" s="79"/>
      <c r="J39" s="79"/>
      <c r="K39" s="117"/>
      <c r="L39" s="117"/>
      <c r="M39" s="117"/>
      <c r="N39" s="117"/>
      <c r="O39" s="117"/>
    </row>
    <row r="40" spans="1:15">
      <c r="A40" s="79"/>
      <c r="B40" s="116"/>
      <c r="C40" s="79"/>
      <c r="D40" s="79"/>
      <c r="E40" s="79"/>
      <c r="F40" s="79"/>
      <c r="G40" s="79"/>
      <c r="H40" s="79"/>
      <c r="I40" s="79"/>
      <c r="J40" s="79"/>
      <c r="K40" s="117"/>
      <c r="L40" s="117"/>
      <c r="M40" s="117"/>
      <c r="N40" s="117"/>
      <c r="O40" s="117"/>
    </row>
    <row r="41" spans="1:15">
      <c r="A41" s="79"/>
      <c r="B41" s="116"/>
      <c r="C41" s="79"/>
      <c r="D41" s="79"/>
      <c r="E41" s="79"/>
      <c r="F41" s="79"/>
      <c r="G41" s="79"/>
      <c r="H41" s="79"/>
      <c r="I41" s="79"/>
      <c r="J41" s="79"/>
      <c r="K41" s="117"/>
      <c r="L41" s="117"/>
      <c r="M41" s="117"/>
      <c r="N41" s="117"/>
      <c r="O41" s="117"/>
    </row>
    <row r="42" spans="1:15">
      <c r="A42" s="79"/>
      <c r="B42" s="116"/>
      <c r="C42" s="79"/>
      <c r="D42" s="79"/>
      <c r="E42" s="79"/>
      <c r="F42" s="79"/>
      <c r="G42" s="79"/>
      <c r="H42" s="79"/>
      <c r="I42" s="79"/>
      <c r="J42" s="79"/>
      <c r="K42" s="117"/>
      <c r="L42" s="117"/>
      <c r="M42" s="117"/>
      <c r="N42" s="117"/>
      <c r="O42" s="117"/>
    </row>
    <row r="43" spans="1:15">
      <c r="A43" s="79"/>
      <c r="B43" s="116"/>
      <c r="C43" s="79"/>
      <c r="D43" s="79"/>
      <c r="E43" s="79"/>
      <c r="F43" s="79"/>
      <c r="G43" s="79"/>
      <c r="H43" s="79"/>
      <c r="I43" s="79"/>
      <c r="J43" s="79"/>
      <c r="K43" s="117"/>
      <c r="L43" s="117"/>
      <c r="M43" s="117"/>
      <c r="N43" s="117"/>
      <c r="O43" s="117"/>
    </row>
    <row r="44" spans="1:15">
      <c r="A44" s="79"/>
      <c r="B44" s="116"/>
      <c r="C44" s="79"/>
      <c r="D44" s="79"/>
      <c r="E44" s="79"/>
      <c r="F44" s="79"/>
      <c r="G44" s="79"/>
      <c r="H44" s="79"/>
      <c r="I44" s="79"/>
      <c r="J44" s="79"/>
      <c r="K44" s="117"/>
      <c r="L44" s="117"/>
      <c r="M44" s="117"/>
      <c r="N44" s="117"/>
      <c r="O44" s="117"/>
    </row>
    <row r="45" spans="1:15">
      <c r="A45" s="79"/>
      <c r="B45" s="116"/>
      <c r="C45" s="79"/>
      <c r="D45" s="79"/>
      <c r="E45" s="79"/>
      <c r="F45" s="79"/>
      <c r="G45" s="79"/>
      <c r="H45" s="79"/>
      <c r="I45" s="79"/>
      <c r="J45" s="79"/>
      <c r="K45" s="117"/>
      <c r="L45" s="117"/>
      <c r="M45" s="117"/>
      <c r="N45" s="117"/>
      <c r="O45" s="117"/>
    </row>
    <row r="46" spans="1:15">
      <c r="A46" s="79"/>
      <c r="B46" s="116"/>
      <c r="C46" s="79"/>
      <c r="D46" s="79"/>
      <c r="E46" s="79"/>
      <c r="F46" s="79"/>
      <c r="G46" s="79"/>
      <c r="H46" s="79"/>
      <c r="I46" s="79"/>
      <c r="J46" s="79"/>
      <c r="K46" s="117"/>
      <c r="L46" s="117"/>
      <c r="M46" s="117"/>
      <c r="N46" s="117"/>
      <c r="O46" s="117"/>
    </row>
    <row r="47" spans="1:15">
      <c r="A47" s="79"/>
      <c r="B47" s="116"/>
      <c r="C47" s="79"/>
      <c r="D47" s="79"/>
      <c r="E47" s="79"/>
      <c r="F47" s="79"/>
      <c r="G47" s="79"/>
      <c r="H47" s="79"/>
      <c r="I47" s="79"/>
      <c r="J47" s="79"/>
      <c r="K47" s="117"/>
      <c r="L47" s="117"/>
      <c r="M47" s="117"/>
      <c r="N47" s="117"/>
      <c r="O47" s="117"/>
    </row>
    <row r="48" spans="1:15">
      <c r="A48" s="79"/>
      <c r="B48" s="116"/>
      <c r="C48" s="79"/>
      <c r="D48" s="79"/>
      <c r="E48" s="79"/>
      <c r="F48" s="79"/>
      <c r="G48" s="79"/>
      <c r="H48" s="79"/>
      <c r="I48" s="79"/>
      <c r="J48" s="79"/>
      <c r="K48" s="117"/>
      <c r="L48" s="117"/>
      <c r="M48" s="117"/>
      <c r="N48" s="117"/>
      <c r="O48" s="117"/>
    </row>
    <row r="49" spans="1:15">
      <c r="A49" s="79"/>
      <c r="B49" s="116"/>
      <c r="C49" s="79"/>
      <c r="D49" s="79"/>
      <c r="E49" s="79"/>
      <c r="F49" s="79"/>
      <c r="G49" s="79"/>
      <c r="H49" s="79"/>
      <c r="I49" s="79"/>
      <c r="J49" s="79"/>
      <c r="K49" s="117"/>
      <c r="L49" s="117"/>
      <c r="M49" s="117"/>
      <c r="N49" s="117"/>
      <c r="O49" s="117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12" orientation="portrait" blackAndWhite="1" r:id="rId1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8"/>
  <sheetViews>
    <sheetView zoomScaleNormal="100" workbookViewId="0"/>
  </sheetViews>
  <sheetFormatPr defaultRowHeight="13.5"/>
  <cols>
    <col min="1" max="1" width="6.625" style="3" customWidth="1"/>
    <col min="2" max="2" width="13.625" style="3" customWidth="1"/>
    <col min="3" max="4" width="9" style="3"/>
    <col min="5" max="5" width="3.25" style="3" customWidth="1"/>
    <col min="6" max="6" width="6.625" style="3" customWidth="1"/>
    <col min="7" max="7" width="13.625" style="3" customWidth="1"/>
    <col min="8" max="16384" width="9" style="3"/>
  </cols>
  <sheetData>
    <row r="1" spans="1:10" ht="15" customHeight="1">
      <c r="A1" s="2" t="s">
        <v>275</v>
      </c>
    </row>
    <row r="2" spans="1:10" ht="15" customHeight="1">
      <c r="G2" s="1103" t="s">
        <v>276</v>
      </c>
      <c r="H2" s="1103"/>
      <c r="I2" s="1103"/>
    </row>
    <row r="3" spans="1:10" ht="15" customHeight="1">
      <c r="G3" s="625"/>
      <c r="H3" s="625"/>
      <c r="I3" s="625"/>
    </row>
    <row r="4" spans="1:10" s="2" customFormat="1" ht="15" customHeight="1">
      <c r="A4" s="626" t="s">
        <v>277</v>
      </c>
    </row>
    <row r="5" spans="1:10" ht="6" customHeight="1">
      <c r="A5" s="627"/>
    </row>
    <row r="6" spans="1:10" s="1" customFormat="1" ht="15" customHeight="1" thickBot="1">
      <c r="A6" s="1" t="s">
        <v>278</v>
      </c>
      <c r="F6" s="1" t="s">
        <v>279</v>
      </c>
    </row>
    <row r="7" spans="1:10" s="1" customFormat="1" ht="15" customHeight="1" thickTop="1">
      <c r="A7" s="628" t="s">
        <v>280</v>
      </c>
      <c r="B7" s="629" t="s">
        <v>281</v>
      </c>
      <c r="C7" s="629" t="s">
        <v>282</v>
      </c>
      <c r="D7" s="630" t="s">
        <v>283</v>
      </c>
      <c r="F7" s="628" t="s">
        <v>280</v>
      </c>
      <c r="G7" s="629" t="s">
        <v>281</v>
      </c>
      <c r="H7" s="629" t="s">
        <v>282</v>
      </c>
      <c r="I7" s="630" t="s">
        <v>283</v>
      </c>
    </row>
    <row r="8" spans="1:10" ht="15" customHeight="1">
      <c r="A8" s="631">
        <v>1</v>
      </c>
      <c r="B8" s="125" t="s">
        <v>284</v>
      </c>
      <c r="C8" s="121">
        <v>14.786848994017973</v>
      </c>
      <c r="D8" s="632">
        <v>1</v>
      </c>
      <c r="F8" s="631">
        <v>1</v>
      </c>
      <c r="G8" s="125" t="s">
        <v>285</v>
      </c>
      <c r="H8" s="121">
        <v>6.0476597360675965</v>
      </c>
      <c r="I8" s="632">
        <v>1</v>
      </c>
    </row>
    <row r="9" spans="1:10" ht="15" customHeight="1">
      <c r="A9" s="631">
        <v>2</v>
      </c>
      <c r="B9" s="633" t="s">
        <v>286</v>
      </c>
      <c r="C9" s="121">
        <v>14.63836223194512</v>
      </c>
      <c r="D9" s="632">
        <v>2</v>
      </c>
      <c r="F9" s="631">
        <v>2</v>
      </c>
      <c r="G9" s="125" t="s">
        <v>287</v>
      </c>
      <c r="H9" s="121">
        <v>6.5621193666260655</v>
      </c>
      <c r="I9" s="632">
        <v>2</v>
      </c>
    </row>
    <row r="10" spans="1:10" ht="15" customHeight="1">
      <c r="A10" s="631">
        <v>3</v>
      </c>
      <c r="B10" s="120" t="s">
        <v>288</v>
      </c>
      <c r="C10" s="121">
        <v>13.805712981294748</v>
      </c>
      <c r="D10" s="632">
        <v>3</v>
      </c>
      <c r="F10" s="631">
        <v>3</v>
      </c>
      <c r="G10" s="125" t="s">
        <v>289</v>
      </c>
      <c r="H10" s="121">
        <v>7.1748092272607673</v>
      </c>
      <c r="I10" s="632">
        <v>3</v>
      </c>
      <c r="J10" s="119"/>
    </row>
    <row r="11" spans="1:10" ht="15" customHeight="1">
      <c r="A11" s="631">
        <v>4</v>
      </c>
      <c r="B11" s="125" t="s">
        <v>290</v>
      </c>
      <c r="C11" s="121">
        <v>13.495099775652381</v>
      </c>
      <c r="D11" s="632">
        <v>4</v>
      </c>
      <c r="F11" s="631">
        <v>4</v>
      </c>
      <c r="G11" s="125" t="s">
        <v>291</v>
      </c>
      <c r="H11" s="121">
        <v>8.1411159131743798</v>
      </c>
      <c r="I11" s="632">
        <v>4</v>
      </c>
      <c r="J11" s="119"/>
    </row>
    <row r="12" spans="1:10" ht="15" customHeight="1" thickBot="1">
      <c r="A12" s="122">
        <v>5</v>
      </c>
      <c r="B12" s="634" t="s">
        <v>292</v>
      </c>
      <c r="C12" s="635">
        <v>13.092807055191367</v>
      </c>
      <c r="D12" s="636">
        <v>6</v>
      </c>
      <c r="F12" s="631">
        <v>5</v>
      </c>
      <c r="G12" s="125" t="s">
        <v>293</v>
      </c>
      <c r="H12" s="121">
        <v>8.3543240973971447</v>
      </c>
      <c r="I12" s="632">
        <v>5</v>
      </c>
      <c r="J12" s="119"/>
    </row>
    <row r="13" spans="1:10" ht="15" customHeight="1" thickTop="1">
      <c r="F13" s="118"/>
      <c r="G13" s="118"/>
      <c r="H13" s="124"/>
      <c r="I13" s="118"/>
      <c r="J13" s="119"/>
    </row>
    <row r="14" spans="1:10" ht="15" customHeight="1">
      <c r="F14" s="119"/>
      <c r="G14" s="119"/>
      <c r="H14" s="637"/>
      <c r="I14" s="119"/>
    </row>
    <row r="15" spans="1:10" s="626" customFormat="1" ht="15" customHeight="1">
      <c r="A15" s="626" t="s">
        <v>294</v>
      </c>
    </row>
    <row r="16" spans="1:10" ht="6" customHeight="1">
      <c r="A16" s="627"/>
    </row>
    <row r="17" spans="1:10" s="1" customFormat="1" ht="15" customHeight="1" thickBot="1">
      <c r="A17" s="1" t="s">
        <v>278</v>
      </c>
      <c r="F17" s="1" t="s">
        <v>279</v>
      </c>
    </row>
    <row r="18" spans="1:10" s="1" customFormat="1" ht="15" customHeight="1" thickTop="1">
      <c r="A18" s="628" t="s">
        <v>280</v>
      </c>
      <c r="B18" s="629" t="s">
        <v>281</v>
      </c>
      <c r="C18" s="629" t="s">
        <v>282</v>
      </c>
      <c r="D18" s="630" t="s">
        <v>283</v>
      </c>
      <c r="F18" s="628" t="s">
        <v>280</v>
      </c>
      <c r="G18" s="629" t="s">
        <v>281</v>
      </c>
      <c r="H18" s="629" t="s">
        <v>282</v>
      </c>
      <c r="I18" s="630" t="s">
        <v>283</v>
      </c>
    </row>
    <row r="19" spans="1:10" ht="15" customHeight="1">
      <c r="A19" s="631">
        <v>1</v>
      </c>
      <c r="B19" s="125" t="s">
        <v>295</v>
      </c>
      <c r="C19" s="121">
        <v>71.407778703134355</v>
      </c>
      <c r="D19" s="632">
        <v>1</v>
      </c>
      <c r="F19" s="631">
        <v>1</v>
      </c>
      <c r="G19" s="120" t="s">
        <v>287</v>
      </c>
      <c r="H19" s="121">
        <v>49.025578562728377</v>
      </c>
      <c r="I19" s="632">
        <v>2</v>
      </c>
    </row>
    <row r="20" spans="1:10" ht="15" customHeight="1">
      <c r="A20" s="631">
        <v>2</v>
      </c>
      <c r="B20" s="125" t="s">
        <v>296</v>
      </c>
      <c r="C20" s="121">
        <v>69.376603209859553</v>
      </c>
      <c r="D20" s="632">
        <v>2</v>
      </c>
      <c r="F20" s="631">
        <v>2</v>
      </c>
      <c r="G20" s="120" t="s">
        <v>289</v>
      </c>
      <c r="H20" s="121">
        <v>49.210595561792822</v>
      </c>
      <c r="I20" s="632">
        <v>1</v>
      </c>
    </row>
    <row r="21" spans="1:10" ht="15" customHeight="1">
      <c r="A21" s="631">
        <v>3</v>
      </c>
      <c r="B21" s="125" t="s">
        <v>297</v>
      </c>
      <c r="C21" s="121">
        <v>69.088111888111897</v>
      </c>
      <c r="D21" s="632">
        <v>3</v>
      </c>
      <c r="F21" s="631">
        <v>3</v>
      </c>
      <c r="G21" s="120" t="s">
        <v>291</v>
      </c>
      <c r="H21" s="121">
        <v>50.631282474627305</v>
      </c>
      <c r="I21" s="632">
        <v>3</v>
      </c>
    </row>
    <row r="22" spans="1:10" ht="15" customHeight="1">
      <c r="A22" s="631">
        <v>4</v>
      </c>
      <c r="B22" s="125" t="s">
        <v>298</v>
      </c>
      <c r="C22" s="121">
        <v>68.184818772334395</v>
      </c>
      <c r="D22" s="632">
        <v>4</v>
      </c>
      <c r="F22" s="631">
        <v>4</v>
      </c>
      <c r="G22" s="120" t="s">
        <v>293</v>
      </c>
      <c r="H22" s="121">
        <v>50.734676742233418</v>
      </c>
      <c r="I22" s="632">
        <v>4</v>
      </c>
    </row>
    <row r="23" spans="1:10" ht="15" customHeight="1" thickBot="1">
      <c r="A23" s="631">
        <v>5</v>
      </c>
      <c r="B23" s="125" t="s">
        <v>299</v>
      </c>
      <c r="C23" s="121">
        <v>67.513742790254355</v>
      </c>
      <c r="D23" s="632">
        <v>5</v>
      </c>
      <c r="F23" s="122">
        <v>5</v>
      </c>
      <c r="G23" s="634" t="s">
        <v>300</v>
      </c>
      <c r="H23" s="635">
        <v>52.026578073089702</v>
      </c>
      <c r="I23" s="638">
        <v>5</v>
      </c>
    </row>
    <row r="24" spans="1:10" ht="15" customHeight="1" thickTop="1">
      <c r="A24" s="118"/>
      <c r="B24" s="118"/>
      <c r="C24" s="124"/>
      <c r="D24" s="118"/>
      <c r="F24" s="118"/>
      <c r="G24" s="123"/>
      <c r="H24" s="124"/>
      <c r="I24" s="639"/>
    </row>
    <row r="25" spans="1:10" ht="15" customHeight="1">
      <c r="A25" s="119"/>
      <c r="B25" s="119"/>
      <c r="C25" s="637"/>
      <c r="D25" s="119"/>
    </row>
    <row r="26" spans="1:10" s="2" customFormat="1" ht="15" customHeight="1">
      <c r="A26" s="626" t="s">
        <v>301</v>
      </c>
    </row>
    <row r="27" spans="1:10" ht="6" customHeight="1">
      <c r="A27" s="627"/>
    </row>
    <row r="28" spans="1:10" s="1" customFormat="1" ht="15" customHeight="1" thickBot="1">
      <c r="A28" s="1" t="s">
        <v>278</v>
      </c>
      <c r="F28" s="1" t="s">
        <v>279</v>
      </c>
    </row>
    <row r="29" spans="1:10" s="1" customFormat="1" ht="15" customHeight="1" thickTop="1">
      <c r="A29" s="628" t="s">
        <v>280</v>
      </c>
      <c r="B29" s="629" t="s">
        <v>281</v>
      </c>
      <c r="C29" s="629" t="s">
        <v>282</v>
      </c>
      <c r="D29" s="630" t="s">
        <v>283</v>
      </c>
      <c r="F29" s="628" t="s">
        <v>280</v>
      </c>
      <c r="G29" s="629" t="s">
        <v>281</v>
      </c>
      <c r="H29" s="629" t="s">
        <v>282</v>
      </c>
      <c r="I29" s="630" t="s">
        <v>283</v>
      </c>
    </row>
    <row r="30" spans="1:10" ht="15" customHeight="1">
      <c r="A30" s="631">
        <v>1</v>
      </c>
      <c r="B30" s="125" t="s">
        <v>287</v>
      </c>
      <c r="C30" s="121">
        <v>44.412302070645552</v>
      </c>
      <c r="D30" s="632">
        <v>1</v>
      </c>
      <c r="F30" s="631">
        <v>1</v>
      </c>
      <c r="G30" s="125" t="s">
        <v>302</v>
      </c>
      <c r="H30" s="121">
        <v>15.509538523805446</v>
      </c>
      <c r="I30" s="119">
        <v>1</v>
      </c>
      <c r="J30" s="454"/>
    </row>
    <row r="31" spans="1:10" ht="15" customHeight="1">
      <c r="A31" s="631">
        <v>2</v>
      </c>
      <c r="B31" s="125" t="s">
        <v>289</v>
      </c>
      <c r="C31" s="121">
        <v>43.614595210946412</v>
      </c>
      <c r="D31" s="632">
        <v>2</v>
      </c>
      <c r="F31" s="631">
        <v>2</v>
      </c>
      <c r="G31" s="125" t="s">
        <v>303</v>
      </c>
      <c r="H31" s="121">
        <v>18.764943251084421</v>
      </c>
      <c r="I31" s="119">
        <v>2</v>
      </c>
      <c r="J31" s="454"/>
    </row>
    <row r="32" spans="1:10" ht="15" customHeight="1">
      <c r="A32" s="631">
        <v>3</v>
      </c>
      <c r="B32" s="125" t="s">
        <v>291</v>
      </c>
      <c r="C32" s="121">
        <v>41.22760161219832</v>
      </c>
      <c r="D32" s="632">
        <v>3</v>
      </c>
      <c r="F32" s="631">
        <v>3</v>
      </c>
      <c r="G32" s="125" t="s">
        <v>304</v>
      </c>
      <c r="H32" s="121">
        <v>19.182495115038638</v>
      </c>
      <c r="I32" s="119">
        <v>3</v>
      </c>
      <c r="J32" s="454"/>
    </row>
    <row r="33" spans="1:10" ht="15" customHeight="1">
      <c r="A33" s="631">
        <v>4</v>
      </c>
      <c r="B33" s="125" t="s">
        <v>293</v>
      </c>
      <c r="C33" s="121">
        <v>40.910999160369435</v>
      </c>
      <c r="D33" s="632">
        <v>4</v>
      </c>
      <c r="F33" s="631">
        <v>4</v>
      </c>
      <c r="G33" s="640" t="s">
        <v>296</v>
      </c>
      <c r="H33" s="121">
        <v>19.554000530717747</v>
      </c>
      <c r="I33" s="641">
        <v>4</v>
      </c>
      <c r="J33" s="454"/>
    </row>
    <row r="34" spans="1:10" ht="15" customHeight="1" thickBot="1">
      <c r="A34" s="122">
        <v>5</v>
      </c>
      <c r="B34" s="642" t="s">
        <v>285</v>
      </c>
      <c r="C34" s="635">
        <v>38.659451248457231</v>
      </c>
      <c r="D34" s="127">
        <v>5</v>
      </c>
      <c r="F34" s="631">
        <v>5</v>
      </c>
      <c r="G34" s="125" t="s">
        <v>305</v>
      </c>
      <c r="H34" s="121">
        <v>20.018832445943104</v>
      </c>
      <c r="I34" s="119">
        <v>5</v>
      </c>
      <c r="J34" s="454"/>
    </row>
    <row r="35" spans="1:10" ht="15" customHeight="1" thickTop="1">
      <c r="C35" s="124"/>
      <c r="F35" s="118"/>
      <c r="G35" s="118"/>
      <c r="H35" s="124"/>
      <c r="I35" s="118"/>
      <c r="J35" s="454"/>
    </row>
    <row r="36" spans="1:10" ht="15" customHeight="1"/>
    <row r="37" spans="1:10" s="2" customFormat="1" ht="15" customHeight="1">
      <c r="A37" s="2" t="s">
        <v>306</v>
      </c>
    </row>
    <row r="38" spans="1:10" ht="6" customHeight="1">
      <c r="A38" s="627"/>
    </row>
    <row r="39" spans="1:10" s="1" customFormat="1" ht="15" customHeight="1" thickBot="1">
      <c r="A39" s="1" t="s">
        <v>278</v>
      </c>
      <c r="F39" s="1" t="s">
        <v>279</v>
      </c>
    </row>
    <row r="40" spans="1:10" s="1" customFormat="1" ht="15" customHeight="1" thickTop="1">
      <c r="A40" s="628" t="s">
        <v>280</v>
      </c>
      <c r="B40" s="629" t="s">
        <v>281</v>
      </c>
      <c r="C40" s="629" t="s">
        <v>307</v>
      </c>
      <c r="D40" s="630" t="s">
        <v>283</v>
      </c>
      <c r="F40" s="628" t="s">
        <v>280</v>
      </c>
      <c r="G40" s="629" t="s">
        <v>281</v>
      </c>
      <c r="H40" s="629" t="s">
        <v>307</v>
      </c>
      <c r="I40" s="630" t="s">
        <v>283</v>
      </c>
    </row>
    <row r="41" spans="1:10" ht="15" customHeight="1">
      <c r="A41" s="631">
        <v>1</v>
      </c>
      <c r="B41" s="120" t="s">
        <v>287</v>
      </c>
      <c r="C41" s="643">
        <v>57.28</v>
      </c>
      <c r="D41" s="632">
        <v>1</v>
      </c>
      <c r="F41" s="631">
        <v>1</v>
      </c>
      <c r="G41" s="120" t="s">
        <v>302</v>
      </c>
      <c r="H41" s="644">
        <v>41.51</v>
      </c>
      <c r="I41" s="632">
        <v>1</v>
      </c>
    </row>
    <row r="42" spans="1:10" ht="15" customHeight="1">
      <c r="A42" s="631">
        <v>2</v>
      </c>
      <c r="B42" s="120" t="s">
        <v>289</v>
      </c>
      <c r="C42" s="643">
        <v>56.33</v>
      </c>
      <c r="D42" s="632">
        <v>2</v>
      </c>
      <c r="F42" s="631">
        <v>2</v>
      </c>
      <c r="G42" s="120" t="s">
        <v>284</v>
      </c>
      <c r="H42" s="645">
        <v>43.44</v>
      </c>
      <c r="I42" s="632">
        <v>2</v>
      </c>
    </row>
    <row r="43" spans="1:10" ht="15" customHeight="1">
      <c r="A43" s="631">
        <v>3</v>
      </c>
      <c r="B43" s="120" t="s">
        <v>291</v>
      </c>
      <c r="C43" s="643">
        <v>54.72</v>
      </c>
      <c r="D43" s="632">
        <v>3</v>
      </c>
      <c r="F43" s="631">
        <v>3</v>
      </c>
      <c r="G43" s="120" t="s">
        <v>308</v>
      </c>
      <c r="H43" s="645">
        <v>43.46</v>
      </c>
      <c r="I43" s="632">
        <v>3</v>
      </c>
    </row>
    <row r="44" spans="1:10" ht="15" customHeight="1">
      <c r="A44" s="631">
        <v>4</v>
      </c>
      <c r="B44" s="126" t="s">
        <v>293</v>
      </c>
      <c r="C44" s="643">
        <v>54.44</v>
      </c>
      <c r="D44" s="119">
        <v>4</v>
      </c>
      <c r="F44" s="631">
        <v>4</v>
      </c>
      <c r="G44" s="120" t="s">
        <v>309</v>
      </c>
      <c r="H44" s="645">
        <v>43.8</v>
      </c>
      <c r="I44" s="632">
        <v>4</v>
      </c>
    </row>
    <row r="45" spans="1:10" ht="15" customHeight="1" thickBot="1">
      <c r="A45" s="122">
        <v>5</v>
      </c>
      <c r="B45" s="634" t="s">
        <v>285</v>
      </c>
      <c r="C45" s="646">
        <v>52.98</v>
      </c>
      <c r="D45" s="127">
        <v>5</v>
      </c>
      <c r="F45" s="647">
        <v>5</v>
      </c>
      <c r="G45" s="634" t="s">
        <v>305</v>
      </c>
      <c r="H45" s="646">
        <v>44.01</v>
      </c>
      <c r="I45" s="647">
        <v>5</v>
      </c>
    </row>
    <row r="46" spans="1:10" ht="15" customHeight="1" thickTop="1">
      <c r="A46" s="119"/>
      <c r="B46" s="648"/>
      <c r="C46" s="649"/>
      <c r="D46" s="119"/>
      <c r="F46" s="118"/>
      <c r="G46" s="123"/>
      <c r="H46" s="650"/>
      <c r="I46" s="118"/>
    </row>
    <row r="47" spans="1:10" ht="15" customHeight="1"/>
    <row r="48" spans="1:10" s="2" customFormat="1" ht="15" customHeight="1">
      <c r="A48" s="2" t="s">
        <v>310</v>
      </c>
    </row>
    <row r="49" spans="1:10" ht="6" customHeight="1">
      <c r="A49" s="627"/>
    </row>
    <row r="50" spans="1:10" s="1" customFormat="1" ht="15" customHeight="1" thickBot="1">
      <c r="A50" s="1" t="s">
        <v>278</v>
      </c>
      <c r="F50" s="1" t="s">
        <v>279</v>
      </c>
    </row>
    <row r="51" spans="1:10" s="1" customFormat="1" ht="15" customHeight="1" thickTop="1">
      <c r="A51" s="628" t="s">
        <v>280</v>
      </c>
      <c r="B51" s="629" t="s">
        <v>281</v>
      </c>
      <c r="C51" s="629" t="s">
        <v>311</v>
      </c>
      <c r="D51" s="630" t="s">
        <v>283</v>
      </c>
      <c r="F51" s="628" t="s">
        <v>280</v>
      </c>
      <c r="G51" s="629" t="s">
        <v>281</v>
      </c>
      <c r="H51" s="629" t="s">
        <v>311</v>
      </c>
      <c r="I51" s="630" t="s">
        <v>283</v>
      </c>
    </row>
    <row r="52" spans="1:10" ht="15" customHeight="1">
      <c r="A52" s="631">
        <v>1</v>
      </c>
      <c r="B52" s="125" t="s">
        <v>287</v>
      </c>
      <c r="C52" s="121">
        <v>676.79814385150814</v>
      </c>
      <c r="D52" s="632">
        <v>1</v>
      </c>
      <c r="F52" s="631">
        <v>1</v>
      </c>
      <c r="G52" s="120" t="s">
        <v>312</v>
      </c>
      <c r="H52" s="121">
        <v>118.55013832287236</v>
      </c>
      <c r="I52" s="632">
        <v>1</v>
      </c>
    </row>
    <row r="53" spans="1:10" ht="15" customHeight="1">
      <c r="A53" s="631">
        <v>2</v>
      </c>
      <c r="B53" s="125" t="s">
        <v>285</v>
      </c>
      <c r="C53" s="121">
        <v>639.24646781789636</v>
      </c>
      <c r="D53" s="632">
        <v>2</v>
      </c>
      <c r="F53" s="631">
        <v>2</v>
      </c>
      <c r="G53" s="120" t="s">
        <v>313</v>
      </c>
      <c r="H53" s="121">
        <v>126.90292068767175</v>
      </c>
      <c r="I53" s="632">
        <v>2</v>
      </c>
    </row>
    <row r="54" spans="1:10">
      <c r="A54" s="631">
        <v>3</v>
      </c>
      <c r="B54" s="125" t="s">
        <v>289</v>
      </c>
      <c r="C54" s="121">
        <v>607.88508557457214</v>
      </c>
      <c r="D54" s="632">
        <v>3</v>
      </c>
      <c r="F54" s="631">
        <v>3</v>
      </c>
      <c r="G54" s="120" t="s">
        <v>314</v>
      </c>
      <c r="H54" s="121">
        <v>151.69321759038442</v>
      </c>
      <c r="I54" s="632">
        <v>4</v>
      </c>
    </row>
    <row r="55" spans="1:10">
      <c r="A55" s="631">
        <v>4</v>
      </c>
      <c r="B55" s="125" t="s">
        <v>291</v>
      </c>
      <c r="C55" s="121">
        <v>506.41216820757535</v>
      </c>
      <c r="D55" s="632">
        <v>4</v>
      </c>
      <c r="F55" s="631">
        <v>4</v>
      </c>
      <c r="G55" s="120" t="s">
        <v>315</v>
      </c>
      <c r="H55" s="121">
        <v>151.84811008535098</v>
      </c>
      <c r="I55" s="632">
        <v>3</v>
      </c>
    </row>
    <row r="56" spans="1:10" ht="14.25" thickBot="1">
      <c r="A56" s="122">
        <v>5</v>
      </c>
      <c r="B56" s="642" t="s">
        <v>293</v>
      </c>
      <c r="C56" s="635">
        <v>489.69849246231155</v>
      </c>
      <c r="D56" s="127">
        <v>5</v>
      </c>
      <c r="F56" s="122">
        <v>5</v>
      </c>
      <c r="G56" s="634" t="s">
        <v>316</v>
      </c>
      <c r="H56" s="635">
        <v>160.5691056910569</v>
      </c>
      <c r="I56" s="127">
        <v>5</v>
      </c>
    </row>
    <row r="57" spans="1:10" ht="14.25" thickTop="1"/>
    <row r="58" spans="1:10" s="651" customFormat="1" ht="12">
      <c r="A58" s="128"/>
      <c r="B58" s="128"/>
      <c r="C58" s="128"/>
      <c r="D58" s="128"/>
      <c r="E58" s="128"/>
      <c r="F58" s="128"/>
      <c r="G58" s="128"/>
      <c r="H58" s="128"/>
      <c r="I58" s="128"/>
      <c r="J58" s="129"/>
    </row>
  </sheetData>
  <mergeCells count="1">
    <mergeCell ref="G2:I2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20" firstPageNumber="13" orientation="portrait" blackAndWhite="1" r:id="rId1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81"/>
  <sheetViews>
    <sheetView view="pageBreakPreview" zoomScale="90" zoomScaleNormal="100" zoomScaleSheetLayoutView="9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3" customWidth="1"/>
    <col min="2" max="9" width="10.875" style="187" customWidth="1"/>
    <col min="10" max="13" width="9" style="187" customWidth="1"/>
    <col min="14" max="17" width="7.75" style="131" customWidth="1"/>
    <col min="18" max="22" width="9" style="131" customWidth="1"/>
    <col min="23" max="23" width="3.875" style="131" customWidth="1"/>
    <col min="24" max="24" width="9" style="80"/>
    <col min="25" max="16384" width="9" style="153"/>
  </cols>
  <sheetData>
    <row r="1" spans="1:24" ht="15.95" customHeight="1" thickBot="1">
      <c r="A1" s="576" t="s">
        <v>951</v>
      </c>
      <c r="J1" s="576"/>
      <c r="L1" s="576"/>
      <c r="M1" s="577"/>
      <c r="P1" s="563"/>
      <c r="Q1" s="563"/>
      <c r="R1" s="130"/>
      <c r="S1" s="130"/>
      <c r="T1" s="130"/>
      <c r="U1" s="294"/>
    </row>
    <row r="2" spans="1:24" s="580" customFormat="1" ht="16.5" customHeight="1" thickTop="1">
      <c r="A2" s="578"/>
      <c r="B2" s="1104" t="s">
        <v>317</v>
      </c>
      <c r="C2" s="1105"/>
      <c r="D2" s="1105"/>
      <c r="E2" s="1106"/>
      <c r="F2" s="1105" t="s">
        <v>318</v>
      </c>
      <c r="G2" s="1105"/>
      <c r="H2" s="1105"/>
      <c r="I2" s="1106"/>
      <c r="J2" s="1105" t="s">
        <v>319</v>
      </c>
      <c r="K2" s="1105"/>
      <c r="L2" s="1105"/>
      <c r="M2" s="1107"/>
      <c r="N2" s="1108" t="s">
        <v>320</v>
      </c>
      <c r="O2" s="1109"/>
      <c r="P2" s="1109"/>
      <c r="Q2" s="1110"/>
      <c r="R2" s="1111" t="s">
        <v>321</v>
      </c>
      <c r="S2" s="1111"/>
      <c r="T2" s="1112"/>
      <c r="U2" s="132" t="s">
        <v>322</v>
      </c>
      <c r="V2" s="133" t="s">
        <v>322</v>
      </c>
      <c r="W2" s="134"/>
      <c r="X2" s="579"/>
    </row>
    <row r="3" spans="1:24" s="588" customFormat="1" ht="16.5" customHeight="1">
      <c r="A3" s="188" t="s">
        <v>323</v>
      </c>
      <c r="B3" s="581" t="s">
        <v>324</v>
      </c>
      <c r="C3" s="581" t="s">
        <v>325</v>
      </c>
      <c r="D3" s="581" t="s">
        <v>326</v>
      </c>
      <c r="E3" s="855" t="s">
        <v>327</v>
      </c>
      <c r="F3" s="582" t="s">
        <v>191</v>
      </c>
      <c r="G3" s="581" t="s">
        <v>328</v>
      </c>
      <c r="H3" s="581" t="s">
        <v>326</v>
      </c>
      <c r="I3" s="998" t="s">
        <v>327</v>
      </c>
      <c r="J3" s="582" t="s">
        <v>329</v>
      </c>
      <c r="K3" s="581" t="s">
        <v>330</v>
      </c>
      <c r="L3" s="581" t="s">
        <v>326</v>
      </c>
      <c r="M3" s="581" t="s">
        <v>327</v>
      </c>
      <c r="N3" s="583" t="s">
        <v>331</v>
      </c>
      <c r="O3" s="584" t="s">
        <v>330</v>
      </c>
      <c r="P3" s="584" t="s">
        <v>326</v>
      </c>
      <c r="Q3" s="585" t="s">
        <v>327</v>
      </c>
      <c r="R3" s="584" t="s">
        <v>328</v>
      </c>
      <c r="S3" s="584" t="s">
        <v>326</v>
      </c>
      <c r="T3" s="585" t="s">
        <v>327</v>
      </c>
      <c r="U3" s="586" t="s">
        <v>332</v>
      </c>
      <c r="V3" s="587" t="s">
        <v>333</v>
      </c>
      <c r="W3" s="135"/>
      <c r="X3" s="116"/>
    </row>
    <row r="4" spans="1:24" s="597" customFormat="1" ht="11.25" customHeight="1">
      <c r="A4" s="189"/>
      <c r="B4" s="589" t="s">
        <v>189</v>
      </c>
      <c r="C4" s="589" t="s">
        <v>189</v>
      </c>
      <c r="D4" s="589" t="s">
        <v>189</v>
      </c>
      <c r="E4" s="856" t="s">
        <v>189</v>
      </c>
      <c r="F4" s="591" t="s">
        <v>189</v>
      </c>
      <c r="G4" s="589" t="s">
        <v>189</v>
      </c>
      <c r="H4" s="589" t="s">
        <v>189</v>
      </c>
      <c r="I4" s="856" t="s">
        <v>189</v>
      </c>
      <c r="J4" s="591" t="s">
        <v>189</v>
      </c>
      <c r="K4" s="589" t="s">
        <v>189</v>
      </c>
      <c r="L4" s="589" t="s">
        <v>189</v>
      </c>
      <c r="M4" s="589" t="s">
        <v>189</v>
      </c>
      <c r="N4" s="592" t="s">
        <v>71</v>
      </c>
      <c r="O4" s="593" t="s">
        <v>71</v>
      </c>
      <c r="P4" s="593" t="s">
        <v>71</v>
      </c>
      <c r="Q4" s="594" t="s">
        <v>71</v>
      </c>
      <c r="R4" s="593" t="s">
        <v>71</v>
      </c>
      <c r="S4" s="593" t="s">
        <v>71</v>
      </c>
      <c r="T4" s="594" t="s">
        <v>71</v>
      </c>
      <c r="U4" s="136" t="s">
        <v>179</v>
      </c>
      <c r="V4" s="595"/>
      <c r="W4" s="136"/>
      <c r="X4" s="596"/>
    </row>
    <row r="5" spans="1:24" ht="12.75" customHeight="1">
      <c r="A5" s="190" t="s">
        <v>334</v>
      </c>
      <c r="B5" s="138">
        <v>9231177</v>
      </c>
      <c r="C5" s="138">
        <v>1065999</v>
      </c>
      <c r="D5" s="138">
        <v>5627097</v>
      </c>
      <c r="E5" s="857">
        <v>2324007</v>
      </c>
      <c r="F5" s="137">
        <v>9236337</v>
      </c>
      <c r="G5" s="138">
        <v>1082584</v>
      </c>
      <c r="H5" s="138">
        <v>5627503</v>
      </c>
      <c r="I5" s="857">
        <v>2312173</v>
      </c>
      <c r="J5" s="137">
        <v>-5160</v>
      </c>
      <c r="K5" s="138">
        <v>-16585</v>
      </c>
      <c r="L5" s="138">
        <v>-406</v>
      </c>
      <c r="M5" s="138">
        <v>11834</v>
      </c>
      <c r="N5" s="615">
        <v>-5.5866302842782808E-2</v>
      </c>
      <c r="O5" s="615">
        <v>-1.5319827375981909</v>
      </c>
      <c r="P5" s="615">
        <v>-7.2145674555837641E-3</v>
      </c>
      <c r="Q5" s="616">
        <v>0.51181291365308745</v>
      </c>
      <c r="R5" s="600">
        <v>11.8</v>
      </c>
      <c r="S5" s="600">
        <v>62.4</v>
      </c>
      <c r="T5" s="601">
        <v>25.8</v>
      </c>
      <c r="U5" s="617">
        <v>46.8</v>
      </c>
      <c r="V5" s="618">
        <v>218</v>
      </c>
      <c r="W5" s="139"/>
    </row>
    <row r="6" spans="1:24" ht="10.5" customHeight="1">
      <c r="A6" s="179"/>
      <c r="B6" s="141"/>
      <c r="C6" s="141"/>
      <c r="D6" s="141"/>
      <c r="E6" s="858"/>
      <c r="F6" s="140"/>
      <c r="G6" s="141"/>
      <c r="H6" s="141"/>
      <c r="I6" s="858"/>
      <c r="J6" s="140"/>
      <c r="K6" s="141"/>
      <c r="L6" s="141"/>
      <c r="M6" s="141"/>
      <c r="N6" s="142"/>
      <c r="O6" s="143"/>
      <c r="P6" s="143"/>
      <c r="Q6" s="144"/>
      <c r="R6" s="145"/>
      <c r="S6" s="145"/>
      <c r="T6" s="146"/>
      <c r="U6" s="147"/>
      <c r="V6" s="148"/>
      <c r="W6" s="147"/>
    </row>
    <row r="7" spans="1:24" s="607" customFormat="1" ht="12.75" customHeight="1">
      <c r="A7" s="201" t="s">
        <v>335</v>
      </c>
      <c r="B7" s="138">
        <v>3772029</v>
      </c>
      <c r="C7" s="138">
        <v>434150</v>
      </c>
      <c r="D7" s="138">
        <v>2312834</v>
      </c>
      <c r="E7" s="857">
        <v>926256</v>
      </c>
      <c r="F7" s="137">
        <v>3776286</v>
      </c>
      <c r="G7" s="138">
        <v>440556</v>
      </c>
      <c r="H7" s="138">
        <v>2315077</v>
      </c>
      <c r="I7" s="857">
        <v>921864</v>
      </c>
      <c r="J7" s="137">
        <v>-4257</v>
      </c>
      <c r="K7" s="138">
        <v>-6406</v>
      </c>
      <c r="L7" s="138">
        <v>-2243</v>
      </c>
      <c r="M7" s="138">
        <v>4392</v>
      </c>
      <c r="N7" s="615">
        <v>-0.11272980912992289</v>
      </c>
      <c r="O7" s="615">
        <v>-1.454071673067669</v>
      </c>
      <c r="P7" s="615">
        <v>-9.6886626233166337E-2</v>
      </c>
      <c r="Q7" s="616">
        <v>0.476426023795267</v>
      </c>
      <c r="R7" s="600">
        <v>11.8</v>
      </c>
      <c r="S7" s="600">
        <v>63</v>
      </c>
      <c r="T7" s="601">
        <v>25.2</v>
      </c>
      <c r="U7" s="617">
        <v>46.69</v>
      </c>
      <c r="V7" s="618">
        <v>213.3</v>
      </c>
      <c r="W7" s="139"/>
      <c r="X7" s="606"/>
    </row>
    <row r="8" spans="1:24" ht="12.75" customHeight="1">
      <c r="A8" s="151" t="s">
        <v>336</v>
      </c>
      <c r="B8" s="141">
        <v>295580</v>
      </c>
      <c r="C8" s="141">
        <v>35916</v>
      </c>
      <c r="D8" s="141">
        <v>188995</v>
      </c>
      <c r="E8" s="858">
        <v>61663</v>
      </c>
      <c r="F8" s="140">
        <v>297147</v>
      </c>
      <c r="G8" s="141">
        <v>36634</v>
      </c>
      <c r="H8" s="141">
        <v>190060</v>
      </c>
      <c r="I8" s="858">
        <v>61447</v>
      </c>
      <c r="J8" s="140">
        <v>-1567</v>
      </c>
      <c r="K8" s="141">
        <v>-718</v>
      </c>
      <c r="L8" s="141">
        <v>-1065</v>
      </c>
      <c r="M8" s="141">
        <v>216</v>
      </c>
      <c r="N8" s="142">
        <v>-0.52734841677688149</v>
      </c>
      <c r="O8" s="142">
        <v>-1.9599279357973467</v>
      </c>
      <c r="P8" s="142">
        <v>-0.56034936335893926</v>
      </c>
      <c r="Q8" s="144">
        <v>0.35152245024167167</v>
      </c>
      <c r="R8" s="145">
        <v>12.5</v>
      </c>
      <c r="S8" s="145">
        <v>65.900000000000006</v>
      </c>
      <c r="T8" s="146">
        <v>21.5</v>
      </c>
      <c r="U8" s="152">
        <v>44.65</v>
      </c>
      <c r="V8" s="148">
        <v>171.7</v>
      </c>
      <c r="W8" s="147"/>
    </row>
    <row r="9" spans="1:24" ht="12.75" customHeight="1">
      <c r="A9" s="151" t="s">
        <v>337</v>
      </c>
      <c r="B9" s="141">
        <v>247444</v>
      </c>
      <c r="C9" s="141">
        <v>26572</v>
      </c>
      <c r="D9" s="141">
        <v>158783</v>
      </c>
      <c r="E9" s="858">
        <v>52558</v>
      </c>
      <c r="F9" s="140">
        <v>247109</v>
      </c>
      <c r="G9" s="141">
        <v>26924</v>
      </c>
      <c r="H9" s="141">
        <v>158356</v>
      </c>
      <c r="I9" s="858">
        <v>52298</v>
      </c>
      <c r="J9" s="140">
        <v>335</v>
      </c>
      <c r="K9" s="141">
        <v>-352</v>
      </c>
      <c r="L9" s="141">
        <v>427</v>
      </c>
      <c r="M9" s="141">
        <v>260</v>
      </c>
      <c r="N9" s="142">
        <v>0.13556770493992529</v>
      </c>
      <c r="O9" s="142">
        <v>-1.3073837468429654</v>
      </c>
      <c r="P9" s="142">
        <v>0.26964560862865949</v>
      </c>
      <c r="Q9" s="144">
        <v>0.49715094267467214</v>
      </c>
      <c r="R9" s="145">
        <v>11.2</v>
      </c>
      <c r="S9" s="145">
        <v>66.7</v>
      </c>
      <c r="T9" s="146">
        <v>22.1</v>
      </c>
      <c r="U9" s="152">
        <v>45.11</v>
      </c>
      <c r="V9" s="148">
        <v>197.8</v>
      </c>
      <c r="W9" s="147"/>
    </row>
    <row r="10" spans="1:24" ht="12.75" customHeight="1">
      <c r="A10" s="151" t="s">
        <v>338</v>
      </c>
      <c r="B10" s="141">
        <v>104483</v>
      </c>
      <c r="C10" s="141">
        <v>11263</v>
      </c>
      <c r="D10" s="141">
        <v>70590</v>
      </c>
      <c r="E10" s="858">
        <v>19896</v>
      </c>
      <c r="F10" s="140">
        <v>104761</v>
      </c>
      <c r="G10" s="141">
        <v>11408</v>
      </c>
      <c r="H10" s="141">
        <v>70752</v>
      </c>
      <c r="I10" s="858">
        <v>19867</v>
      </c>
      <c r="J10" s="140">
        <v>-278</v>
      </c>
      <c r="K10" s="141">
        <v>-145</v>
      </c>
      <c r="L10" s="141">
        <v>-162</v>
      </c>
      <c r="M10" s="141">
        <v>29</v>
      </c>
      <c r="N10" s="142">
        <v>-0.26536592816028864</v>
      </c>
      <c r="O10" s="142">
        <v>-1.2710378681626928</v>
      </c>
      <c r="P10" s="142">
        <v>-0.22896879240162821</v>
      </c>
      <c r="Q10" s="144">
        <v>0.14597070518951025</v>
      </c>
      <c r="R10" s="145">
        <v>11.1</v>
      </c>
      <c r="S10" s="145">
        <v>69.400000000000006</v>
      </c>
      <c r="T10" s="146">
        <v>19.600000000000001</v>
      </c>
      <c r="U10" s="152">
        <v>44.51</v>
      </c>
      <c r="V10" s="148">
        <v>176.6</v>
      </c>
      <c r="W10" s="147"/>
    </row>
    <row r="11" spans="1:24" ht="12.75" customHeight="1">
      <c r="A11" s="151" t="s">
        <v>339</v>
      </c>
      <c r="B11" s="141">
        <v>150271</v>
      </c>
      <c r="C11" s="141">
        <v>14297</v>
      </c>
      <c r="D11" s="141">
        <v>92203</v>
      </c>
      <c r="E11" s="858">
        <v>33883</v>
      </c>
      <c r="F11" s="140">
        <v>151389</v>
      </c>
      <c r="G11" s="141">
        <v>14646</v>
      </c>
      <c r="H11" s="141">
        <v>92854</v>
      </c>
      <c r="I11" s="858">
        <v>34001</v>
      </c>
      <c r="J11" s="140">
        <v>-1118</v>
      </c>
      <c r="K11" s="141">
        <v>-349</v>
      </c>
      <c r="L11" s="141">
        <v>-651</v>
      </c>
      <c r="M11" s="141">
        <v>-118</v>
      </c>
      <c r="N11" s="142">
        <v>-0.73849487082945264</v>
      </c>
      <c r="O11" s="142">
        <v>-2.3829031817561108</v>
      </c>
      <c r="P11" s="142">
        <v>-0.7011006526374739</v>
      </c>
      <c r="Q11" s="144">
        <v>-0.34704861621717009</v>
      </c>
      <c r="R11" s="145">
        <v>10.199999999999999</v>
      </c>
      <c r="S11" s="145">
        <v>65.7</v>
      </c>
      <c r="T11" s="146">
        <v>24.1</v>
      </c>
      <c r="U11" s="152">
        <v>47.68</v>
      </c>
      <c r="V11" s="148">
        <v>237</v>
      </c>
      <c r="W11" s="147"/>
    </row>
    <row r="12" spans="1:24" ht="12.75" customHeight="1">
      <c r="A12" s="151" t="s">
        <v>340</v>
      </c>
      <c r="B12" s="141">
        <v>197517</v>
      </c>
      <c r="C12" s="141">
        <v>18664</v>
      </c>
      <c r="D12" s="141">
        <v>120576</v>
      </c>
      <c r="E12" s="858">
        <v>52035</v>
      </c>
      <c r="F12" s="140">
        <v>198096</v>
      </c>
      <c r="G12" s="141">
        <v>19077</v>
      </c>
      <c r="H12" s="141">
        <v>120681</v>
      </c>
      <c r="I12" s="858">
        <v>52096</v>
      </c>
      <c r="J12" s="140">
        <v>-579</v>
      </c>
      <c r="K12" s="141">
        <v>-413</v>
      </c>
      <c r="L12" s="141">
        <v>-105</v>
      </c>
      <c r="M12" s="141">
        <v>-61</v>
      </c>
      <c r="N12" s="142">
        <v>-0.29228252968257812</v>
      </c>
      <c r="O12" s="142">
        <v>-2.1649106253603816</v>
      </c>
      <c r="P12" s="142">
        <v>-8.7006239590324913E-2</v>
      </c>
      <c r="Q12" s="144">
        <v>-0.11709152334152334</v>
      </c>
      <c r="R12" s="145">
        <v>9.8000000000000007</v>
      </c>
      <c r="S12" s="145">
        <v>63</v>
      </c>
      <c r="T12" s="146">
        <v>27.2</v>
      </c>
      <c r="U12" s="152">
        <v>48.14</v>
      </c>
      <c r="V12" s="148">
        <v>278.8</v>
      </c>
      <c r="W12" s="147"/>
    </row>
    <row r="13" spans="1:24" ht="12.75" customHeight="1">
      <c r="A13" s="151" t="s">
        <v>341</v>
      </c>
      <c r="B13" s="141">
        <v>206631</v>
      </c>
      <c r="C13" s="141">
        <v>21554</v>
      </c>
      <c r="D13" s="141">
        <v>124710</v>
      </c>
      <c r="E13" s="858">
        <v>54086</v>
      </c>
      <c r="F13" s="140">
        <v>207649</v>
      </c>
      <c r="G13" s="141">
        <v>21930</v>
      </c>
      <c r="H13" s="141">
        <v>125496</v>
      </c>
      <c r="I13" s="858">
        <v>53942</v>
      </c>
      <c r="J13" s="140">
        <v>-1018</v>
      </c>
      <c r="K13" s="141">
        <v>-376</v>
      </c>
      <c r="L13" s="141">
        <v>-786</v>
      </c>
      <c r="M13" s="141">
        <v>144</v>
      </c>
      <c r="N13" s="142">
        <v>-0.49025037442992742</v>
      </c>
      <c r="O13" s="142">
        <v>-1.7145462836297309</v>
      </c>
      <c r="P13" s="142">
        <v>-0.62631478294128895</v>
      </c>
      <c r="Q13" s="144">
        <v>0.26695339438656335</v>
      </c>
      <c r="R13" s="145">
        <v>10.8</v>
      </c>
      <c r="S13" s="145">
        <v>62.2</v>
      </c>
      <c r="T13" s="146">
        <v>27</v>
      </c>
      <c r="U13" s="152">
        <v>47.67</v>
      </c>
      <c r="V13" s="148">
        <v>250.9</v>
      </c>
      <c r="W13" s="147"/>
    </row>
    <row r="14" spans="1:24" ht="12.75" customHeight="1">
      <c r="A14" s="151" t="s">
        <v>342</v>
      </c>
      <c r="B14" s="141">
        <v>166260</v>
      </c>
      <c r="C14" s="141">
        <v>18622</v>
      </c>
      <c r="D14" s="141">
        <v>95267</v>
      </c>
      <c r="E14" s="858">
        <v>45204</v>
      </c>
      <c r="F14" s="140">
        <v>166640</v>
      </c>
      <c r="G14" s="141">
        <v>18804</v>
      </c>
      <c r="H14" s="141">
        <v>95542</v>
      </c>
      <c r="I14" s="858">
        <v>45127</v>
      </c>
      <c r="J14" s="140">
        <v>-380</v>
      </c>
      <c r="K14" s="141">
        <v>-182</v>
      </c>
      <c r="L14" s="141">
        <v>-275</v>
      </c>
      <c r="M14" s="141">
        <v>77</v>
      </c>
      <c r="N14" s="142">
        <v>-0.22803648583773406</v>
      </c>
      <c r="O14" s="142">
        <v>-0.96787917464369289</v>
      </c>
      <c r="P14" s="142">
        <v>-0.28783152958908126</v>
      </c>
      <c r="Q14" s="144">
        <v>0.17062955658474971</v>
      </c>
      <c r="R14" s="145">
        <v>11.7</v>
      </c>
      <c r="S14" s="145">
        <v>59.9</v>
      </c>
      <c r="T14" s="146">
        <v>28.4</v>
      </c>
      <c r="U14" s="152">
        <v>48.23</v>
      </c>
      <c r="V14" s="148">
        <v>242.7</v>
      </c>
      <c r="W14" s="147"/>
    </row>
    <row r="15" spans="1:24" ht="12.75" customHeight="1">
      <c r="A15" s="151" t="s">
        <v>343</v>
      </c>
      <c r="B15" s="141">
        <v>197646</v>
      </c>
      <c r="C15" s="141">
        <v>20784</v>
      </c>
      <c r="D15" s="141">
        <v>113326</v>
      </c>
      <c r="E15" s="858">
        <v>59073</v>
      </c>
      <c r="F15" s="140">
        <v>198596</v>
      </c>
      <c r="G15" s="141">
        <v>21478</v>
      </c>
      <c r="H15" s="141">
        <v>113899</v>
      </c>
      <c r="I15" s="858">
        <v>58756</v>
      </c>
      <c r="J15" s="140">
        <v>-950</v>
      </c>
      <c r="K15" s="141">
        <v>-694</v>
      </c>
      <c r="L15" s="141">
        <v>-573</v>
      </c>
      <c r="M15" s="141">
        <v>317</v>
      </c>
      <c r="N15" s="142">
        <v>-0.47835807367721406</v>
      </c>
      <c r="O15" s="142">
        <v>-3.2312133345749139</v>
      </c>
      <c r="P15" s="142">
        <v>-0.50307728777250027</v>
      </c>
      <c r="Q15" s="144">
        <v>0.53951936823473345</v>
      </c>
      <c r="R15" s="145">
        <v>10.8</v>
      </c>
      <c r="S15" s="145">
        <v>58.7</v>
      </c>
      <c r="T15" s="146">
        <v>30.6</v>
      </c>
      <c r="U15" s="152">
        <v>49.04</v>
      </c>
      <c r="V15" s="148">
        <v>284.2</v>
      </c>
      <c r="W15" s="147"/>
    </row>
    <row r="16" spans="1:24" ht="12.75" customHeight="1">
      <c r="A16" s="151" t="s">
        <v>344</v>
      </c>
      <c r="B16" s="141">
        <v>359521</v>
      </c>
      <c r="C16" s="141">
        <v>43296</v>
      </c>
      <c r="D16" s="141">
        <v>234457</v>
      </c>
      <c r="E16" s="858">
        <v>69520</v>
      </c>
      <c r="F16" s="140">
        <v>358527</v>
      </c>
      <c r="G16" s="141">
        <v>43354</v>
      </c>
      <c r="H16" s="141">
        <v>233841</v>
      </c>
      <c r="I16" s="858">
        <v>69084</v>
      </c>
      <c r="J16" s="140">
        <v>994</v>
      </c>
      <c r="K16" s="141">
        <v>-58</v>
      </c>
      <c r="L16" s="141">
        <v>616</v>
      </c>
      <c r="M16" s="141">
        <v>436</v>
      </c>
      <c r="N16" s="142">
        <v>0.27724550731186215</v>
      </c>
      <c r="O16" s="142">
        <v>-0.13378234995617475</v>
      </c>
      <c r="P16" s="142">
        <v>0.26342685842089281</v>
      </c>
      <c r="Q16" s="144">
        <v>0.63111574315326269</v>
      </c>
      <c r="R16" s="145">
        <v>12.5</v>
      </c>
      <c r="S16" s="145">
        <v>67.5</v>
      </c>
      <c r="T16" s="146">
        <v>20</v>
      </c>
      <c r="U16" s="152">
        <v>44.01</v>
      </c>
      <c r="V16" s="148">
        <v>160.6</v>
      </c>
      <c r="W16" s="147"/>
    </row>
    <row r="17" spans="1:24" ht="12.75" customHeight="1">
      <c r="A17" s="151" t="s">
        <v>345</v>
      </c>
      <c r="B17" s="141">
        <v>284084</v>
      </c>
      <c r="C17" s="141">
        <v>35788</v>
      </c>
      <c r="D17" s="141">
        <v>170079</v>
      </c>
      <c r="E17" s="858">
        <v>73240</v>
      </c>
      <c r="F17" s="140">
        <v>283864</v>
      </c>
      <c r="G17" s="141">
        <v>36429</v>
      </c>
      <c r="H17" s="141">
        <v>169804</v>
      </c>
      <c r="I17" s="858">
        <v>72654</v>
      </c>
      <c r="J17" s="140">
        <v>220</v>
      </c>
      <c r="K17" s="141">
        <v>-641</v>
      </c>
      <c r="L17" s="141">
        <v>275</v>
      </c>
      <c r="M17" s="141">
        <v>586</v>
      </c>
      <c r="N17" s="142">
        <v>7.7501902319420571E-2</v>
      </c>
      <c r="O17" s="142">
        <v>-1.7595871421120537</v>
      </c>
      <c r="P17" s="142">
        <v>0.16195142635038043</v>
      </c>
      <c r="Q17" s="144">
        <v>0.8065626118314202</v>
      </c>
      <c r="R17" s="145">
        <v>12.8</v>
      </c>
      <c r="S17" s="145">
        <v>60.9</v>
      </c>
      <c r="T17" s="146">
        <v>26.2</v>
      </c>
      <c r="U17" s="152">
        <v>46.69</v>
      </c>
      <c r="V17" s="148">
        <v>204.6</v>
      </c>
      <c r="W17" s="147"/>
    </row>
    <row r="18" spans="1:24" ht="12.75" customHeight="1">
      <c r="A18" s="151" t="s">
        <v>346</v>
      </c>
      <c r="B18" s="141">
        <v>215222</v>
      </c>
      <c r="C18" s="141">
        <v>23303</v>
      </c>
      <c r="D18" s="141">
        <v>126195</v>
      </c>
      <c r="E18" s="858">
        <v>61770</v>
      </c>
      <c r="F18" s="140">
        <v>215099</v>
      </c>
      <c r="G18" s="141">
        <v>23479</v>
      </c>
      <c r="H18" s="141">
        <v>126123</v>
      </c>
      <c r="I18" s="858">
        <v>61543</v>
      </c>
      <c r="J18" s="140">
        <v>123</v>
      </c>
      <c r="K18" s="141">
        <v>-176</v>
      </c>
      <c r="L18" s="141">
        <v>72</v>
      </c>
      <c r="M18" s="141">
        <v>227</v>
      </c>
      <c r="N18" s="142">
        <v>5.7182971561931951E-2</v>
      </c>
      <c r="O18" s="142">
        <v>-0.74960603092124878</v>
      </c>
      <c r="P18" s="142">
        <v>5.7087129230988791E-2</v>
      </c>
      <c r="Q18" s="144">
        <v>0.36884779747493623</v>
      </c>
      <c r="R18" s="145">
        <v>11</v>
      </c>
      <c r="S18" s="145">
        <v>59.7</v>
      </c>
      <c r="T18" s="146">
        <v>29.2</v>
      </c>
      <c r="U18" s="152">
        <v>48.79</v>
      </c>
      <c r="V18" s="148">
        <v>265.10000000000002</v>
      </c>
      <c r="W18" s="147"/>
    </row>
    <row r="19" spans="1:24" ht="12.75" customHeight="1">
      <c r="A19" s="151" t="s">
        <v>347</v>
      </c>
      <c r="B19" s="141">
        <v>243359</v>
      </c>
      <c r="C19" s="141">
        <v>27129</v>
      </c>
      <c r="D19" s="141">
        <v>139852</v>
      </c>
      <c r="E19" s="858">
        <v>72669</v>
      </c>
      <c r="F19" s="140">
        <v>244800</v>
      </c>
      <c r="G19" s="141">
        <v>27610</v>
      </c>
      <c r="H19" s="141">
        <v>140742</v>
      </c>
      <c r="I19" s="858">
        <v>72739</v>
      </c>
      <c r="J19" s="140">
        <v>-1441</v>
      </c>
      <c r="K19" s="141">
        <v>-481</v>
      </c>
      <c r="L19" s="141">
        <v>-890</v>
      </c>
      <c r="M19" s="141">
        <v>-70</v>
      </c>
      <c r="N19" s="142">
        <v>-0.58864379084967322</v>
      </c>
      <c r="O19" s="142">
        <v>-1.7421224194132561</v>
      </c>
      <c r="P19" s="142">
        <v>-0.63236276307001471</v>
      </c>
      <c r="Q19" s="144">
        <v>-9.6234482189746895E-2</v>
      </c>
      <c r="R19" s="145">
        <v>11.3</v>
      </c>
      <c r="S19" s="145">
        <v>58.4</v>
      </c>
      <c r="T19" s="146">
        <v>30.3</v>
      </c>
      <c r="U19" s="152">
        <v>49.18</v>
      </c>
      <c r="V19" s="148">
        <v>267.89999999999998</v>
      </c>
      <c r="W19" s="147"/>
    </row>
    <row r="20" spans="1:24" ht="12.75" customHeight="1">
      <c r="A20" s="151" t="s">
        <v>348</v>
      </c>
      <c r="B20" s="141">
        <v>183222</v>
      </c>
      <c r="C20" s="141">
        <v>22778</v>
      </c>
      <c r="D20" s="141">
        <v>112033</v>
      </c>
      <c r="E20" s="858">
        <v>45151</v>
      </c>
      <c r="F20" s="140">
        <v>183328</v>
      </c>
      <c r="G20" s="141">
        <v>23072</v>
      </c>
      <c r="H20" s="141">
        <v>112169</v>
      </c>
      <c r="I20" s="858">
        <v>44827</v>
      </c>
      <c r="J20" s="140">
        <v>-106</v>
      </c>
      <c r="K20" s="141">
        <v>-294</v>
      </c>
      <c r="L20" s="141">
        <v>-136</v>
      </c>
      <c r="M20" s="141">
        <v>324</v>
      </c>
      <c r="N20" s="142">
        <v>-5.7819863850584741E-2</v>
      </c>
      <c r="O20" s="142">
        <v>-1.2742718446601942</v>
      </c>
      <c r="P20" s="142">
        <v>-0.12124562044771728</v>
      </c>
      <c r="Q20" s="144">
        <v>0.72277868249046329</v>
      </c>
      <c r="R20" s="145">
        <v>12.7</v>
      </c>
      <c r="S20" s="145">
        <v>62.3</v>
      </c>
      <c r="T20" s="146">
        <v>25.1</v>
      </c>
      <c r="U20" s="152">
        <v>46.29</v>
      </c>
      <c r="V20" s="148">
        <v>198.2</v>
      </c>
      <c r="W20" s="147"/>
    </row>
    <row r="21" spans="1:24" ht="12.75" customHeight="1">
      <c r="A21" s="151" t="s">
        <v>349</v>
      </c>
      <c r="B21" s="141">
        <v>122052</v>
      </c>
      <c r="C21" s="141">
        <v>13627</v>
      </c>
      <c r="D21" s="141">
        <v>71686</v>
      </c>
      <c r="E21" s="858">
        <v>34652</v>
      </c>
      <c r="F21" s="140">
        <v>122480</v>
      </c>
      <c r="G21" s="141">
        <v>14046</v>
      </c>
      <c r="H21" s="141">
        <v>71733</v>
      </c>
      <c r="I21" s="858">
        <v>34614</v>
      </c>
      <c r="J21" s="140">
        <v>-428</v>
      </c>
      <c r="K21" s="141">
        <v>-419</v>
      </c>
      <c r="L21" s="141">
        <v>-47</v>
      </c>
      <c r="M21" s="141">
        <v>38</v>
      </c>
      <c r="N21" s="142">
        <v>-0.34944480731548005</v>
      </c>
      <c r="O21" s="142">
        <v>-2.9830556742132992</v>
      </c>
      <c r="P21" s="142">
        <v>-6.5520750561108551E-2</v>
      </c>
      <c r="Q21" s="144">
        <v>0.10978216906454036</v>
      </c>
      <c r="R21" s="145">
        <v>11.4</v>
      </c>
      <c r="S21" s="145">
        <v>59.8</v>
      </c>
      <c r="T21" s="146">
        <v>28.9</v>
      </c>
      <c r="U21" s="152">
        <v>48.33</v>
      </c>
      <c r="V21" s="148">
        <v>254.3</v>
      </c>
      <c r="W21" s="147"/>
    </row>
    <row r="22" spans="1:24" ht="12.75" customHeight="1">
      <c r="A22" s="151" t="s">
        <v>350</v>
      </c>
      <c r="B22" s="141">
        <v>120613</v>
      </c>
      <c r="C22" s="141">
        <v>13188</v>
      </c>
      <c r="D22" s="141">
        <v>67909</v>
      </c>
      <c r="E22" s="858">
        <v>37539</v>
      </c>
      <c r="F22" s="140">
        <v>120051</v>
      </c>
      <c r="G22" s="141">
        <v>13349</v>
      </c>
      <c r="H22" s="141">
        <v>67262</v>
      </c>
      <c r="I22" s="858">
        <v>37463</v>
      </c>
      <c r="J22" s="140">
        <v>562</v>
      </c>
      <c r="K22" s="141">
        <v>-161</v>
      </c>
      <c r="L22" s="141">
        <v>647</v>
      </c>
      <c r="M22" s="141">
        <v>76</v>
      </c>
      <c r="N22" s="142">
        <v>0.46813437622343834</v>
      </c>
      <c r="O22" s="142">
        <v>-1.2060828526481384</v>
      </c>
      <c r="P22" s="142">
        <v>0.9619101424281169</v>
      </c>
      <c r="Q22" s="144">
        <v>0.20286682860422284</v>
      </c>
      <c r="R22" s="145">
        <v>11.1</v>
      </c>
      <c r="S22" s="145">
        <v>57.2</v>
      </c>
      <c r="T22" s="146">
        <v>31.6</v>
      </c>
      <c r="U22" s="152">
        <v>49.53</v>
      </c>
      <c r="V22" s="148">
        <v>284.60000000000002</v>
      </c>
      <c r="W22" s="147"/>
    </row>
    <row r="23" spans="1:24" ht="12.75" customHeight="1">
      <c r="A23" s="151" t="s">
        <v>351</v>
      </c>
      <c r="B23" s="141">
        <v>152087</v>
      </c>
      <c r="C23" s="141">
        <v>17500</v>
      </c>
      <c r="D23" s="141">
        <v>88628</v>
      </c>
      <c r="E23" s="858">
        <v>44351</v>
      </c>
      <c r="F23" s="140">
        <v>152339</v>
      </c>
      <c r="G23" s="141">
        <v>17718</v>
      </c>
      <c r="H23" s="141">
        <v>88768</v>
      </c>
      <c r="I23" s="858">
        <v>44245</v>
      </c>
      <c r="J23" s="140">
        <v>-252</v>
      </c>
      <c r="K23" s="141">
        <v>-218</v>
      </c>
      <c r="L23" s="141">
        <v>-140</v>
      </c>
      <c r="M23" s="141">
        <v>106</v>
      </c>
      <c r="N23" s="142">
        <v>-0.1654205423430638</v>
      </c>
      <c r="O23" s="142">
        <v>-1.2303871768822665</v>
      </c>
      <c r="P23" s="142">
        <v>-0.15771449170872387</v>
      </c>
      <c r="Q23" s="144">
        <v>0.23957509323087353</v>
      </c>
      <c r="R23" s="145">
        <v>11.6</v>
      </c>
      <c r="S23" s="145">
        <v>58.9</v>
      </c>
      <c r="T23" s="146">
        <v>29.5</v>
      </c>
      <c r="U23" s="152">
        <v>48.65</v>
      </c>
      <c r="V23" s="148">
        <v>253.4</v>
      </c>
      <c r="W23" s="147"/>
    </row>
    <row r="24" spans="1:24" ht="12.75" customHeight="1">
      <c r="A24" s="151" t="s">
        <v>352</v>
      </c>
      <c r="B24" s="141">
        <v>311146</v>
      </c>
      <c r="C24" s="141">
        <v>38575</v>
      </c>
      <c r="D24" s="141">
        <v>196918</v>
      </c>
      <c r="E24" s="858">
        <v>69253</v>
      </c>
      <c r="F24" s="140">
        <v>311009</v>
      </c>
      <c r="G24" s="141">
        <v>38872</v>
      </c>
      <c r="H24" s="141">
        <v>197402</v>
      </c>
      <c r="I24" s="858">
        <v>68335</v>
      </c>
      <c r="J24" s="140">
        <v>137</v>
      </c>
      <c r="K24" s="141">
        <v>-297</v>
      </c>
      <c r="L24" s="141">
        <v>-484</v>
      </c>
      <c r="M24" s="141">
        <v>918</v>
      </c>
      <c r="N24" s="142">
        <v>4.4050172181512429E-2</v>
      </c>
      <c r="O24" s="142">
        <v>-0.76404610002058038</v>
      </c>
      <c r="P24" s="142">
        <v>-0.245184952533409</v>
      </c>
      <c r="Q24" s="144">
        <v>1.3433818687349088</v>
      </c>
      <c r="R24" s="145">
        <v>12.7</v>
      </c>
      <c r="S24" s="145">
        <v>64.599999999999994</v>
      </c>
      <c r="T24" s="146">
        <v>22.7</v>
      </c>
      <c r="U24" s="152">
        <v>45.68</v>
      </c>
      <c r="V24" s="148">
        <v>179.5</v>
      </c>
      <c r="W24" s="147"/>
    </row>
    <row r="25" spans="1:24" ht="12.75" customHeight="1">
      <c r="A25" s="151" t="s">
        <v>353</v>
      </c>
      <c r="B25" s="141">
        <v>214891</v>
      </c>
      <c r="C25" s="141">
        <v>31294</v>
      </c>
      <c r="D25" s="141">
        <v>140627</v>
      </c>
      <c r="E25" s="858">
        <v>39713</v>
      </c>
      <c r="F25" s="140">
        <v>213402</v>
      </c>
      <c r="G25" s="141">
        <v>31726</v>
      </c>
      <c r="H25" s="141">
        <v>139593</v>
      </c>
      <c r="I25" s="858">
        <v>38826</v>
      </c>
      <c r="J25" s="140">
        <v>1489</v>
      </c>
      <c r="K25" s="141">
        <v>-432</v>
      </c>
      <c r="L25" s="141">
        <v>1034</v>
      </c>
      <c r="M25" s="141">
        <v>887</v>
      </c>
      <c r="N25" s="142">
        <v>0.69774416359734204</v>
      </c>
      <c r="O25" s="142">
        <v>-1.3616592069595914</v>
      </c>
      <c r="P25" s="142">
        <v>0.74072482144520146</v>
      </c>
      <c r="Q25" s="144">
        <v>2.2845515891412971</v>
      </c>
      <c r="R25" s="145">
        <v>14.8</v>
      </c>
      <c r="S25" s="145">
        <v>66.400000000000006</v>
      </c>
      <c r="T25" s="146">
        <v>18.8</v>
      </c>
      <c r="U25" s="152">
        <v>43.44</v>
      </c>
      <c r="V25" s="148">
        <v>126.9</v>
      </c>
      <c r="W25" s="147"/>
    </row>
    <row r="26" spans="1:24" ht="9" customHeight="1">
      <c r="A26" s="151"/>
      <c r="B26" s="141"/>
      <c r="C26" s="141"/>
      <c r="D26" s="141"/>
      <c r="E26" s="858"/>
      <c r="F26" s="140"/>
      <c r="G26" s="141"/>
      <c r="H26" s="141"/>
      <c r="I26" s="858"/>
      <c r="J26" s="140"/>
      <c r="K26" s="141"/>
      <c r="L26" s="141"/>
      <c r="M26" s="141"/>
      <c r="N26" s="142"/>
      <c r="O26" s="143"/>
      <c r="P26" s="143"/>
      <c r="Q26" s="144"/>
      <c r="R26" s="145"/>
      <c r="S26" s="145"/>
      <c r="T26" s="146"/>
      <c r="U26" s="152"/>
      <c r="V26" s="148"/>
      <c r="W26" s="147"/>
    </row>
    <row r="27" spans="1:24" s="607" customFormat="1" ht="12.75" customHeight="1">
      <c r="A27" s="205" t="s">
        <v>354</v>
      </c>
      <c r="B27" s="138">
        <v>1538825</v>
      </c>
      <c r="C27" s="155">
        <v>186286</v>
      </c>
      <c r="D27" s="155">
        <v>1002490</v>
      </c>
      <c r="E27" s="859">
        <v>303699</v>
      </c>
      <c r="F27" s="154">
        <v>1538133</v>
      </c>
      <c r="G27" s="155">
        <v>189188</v>
      </c>
      <c r="H27" s="155">
        <v>1000844</v>
      </c>
      <c r="I27" s="859">
        <v>301751</v>
      </c>
      <c r="J27" s="137">
        <v>692</v>
      </c>
      <c r="K27" s="155">
        <v>-2902</v>
      </c>
      <c r="L27" s="155">
        <v>1646</v>
      </c>
      <c r="M27" s="155">
        <v>1948</v>
      </c>
      <c r="N27" s="620">
        <v>4.4989607530688182E-2</v>
      </c>
      <c r="O27" s="620">
        <v>-1.5339239275218302</v>
      </c>
      <c r="P27" s="620">
        <v>0.16446119475162962</v>
      </c>
      <c r="Q27" s="621">
        <v>0.64556538337901115</v>
      </c>
      <c r="R27" s="611">
        <v>12.5</v>
      </c>
      <c r="S27" s="611">
        <v>67.2</v>
      </c>
      <c r="T27" s="612">
        <v>20.3</v>
      </c>
      <c r="U27" s="622">
        <v>44</v>
      </c>
      <c r="V27" s="623">
        <v>163</v>
      </c>
      <c r="W27" s="156"/>
      <c r="X27" s="606"/>
    </row>
    <row r="28" spans="1:24" ht="12.75" customHeight="1">
      <c r="A28" s="151" t="s">
        <v>355</v>
      </c>
      <c r="B28" s="141">
        <v>230553</v>
      </c>
      <c r="C28" s="624">
        <v>23915</v>
      </c>
      <c r="D28" s="624">
        <v>146334</v>
      </c>
      <c r="E28" s="860">
        <v>49489</v>
      </c>
      <c r="F28" s="140">
        <v>232470</v>
      </c>
      <c r="G28" s="141">
        <v>24624</v>
      </c>
      <c r="H28" s="141">
        <v>147336</v>
      </c>
      <c r="I28" s="858">
        <v>49695</v>
      </c>
      <c r="J28" s="140">
        <v>-1917</v>
      </c>
      <c r="K28" s="141">
        <v>-709</v>
      </c>
      <c r="L28" s="141">
        <v>-1002</v>
      </c>
      <c r="M28" s="141">
        <v>-206</v>
      </c>
      <c r="N28" s="142">
        <v>-0.82462253193960511</v>
      </c>
      <c r="O28" s="142">
        <v>-2.8793047433398309</v>
      </c>
      <c r="P28" s="142">
        <v>-0.68007818863006997</v>
      </c>
      <c r="Q28" s="144">
        <v>-0.41452862461012174</v>
      </c>
      <c r="R28" s="145">
        <v>10.9</v>
      </c>
      <c r="S28" s="145">
        <v>66.599999999999994</v>
      </c>
      <c r="T28" s="146">
        <v>22.5</v>
      </c>
      <c r="U28" s="152">
        <v>45.41</v>
      </c>
      <c r="V28" s="148">
        <v>206.9</v>
      </c>
      <c r="W28" s="147"/>
    </row>
    <row r="29" spans="1:24" ht="12.75" customHeight="1">
      <c r="A29" s="151" t="s">
        <v>356</v>
      </c>
      <c r="B29" s="141">
        <v>171272</v>
      </c>
      <c r="C29" s="624">
        <v>22858</v>
      </c>
      <c r="D29" s="624">
        <v>109709</v>
      </c>
      <c r="E29" s="860">
        <v>36813</v>
      </c>
      <c r="F29" s="140">
        <v>171136</v>
      </c>
      <c r="G29" s="141">
        <v>22958</v>
      </c>
      <c r="H29" s="141">
        <v>109608</v>
      </c>
      <c r="I29" s="858">
        <v>36678</v>
      </c>
      <c r="J29" s="140">
        <v>136</v>
      </c>
      <c r="K29" s="141">
        <v>-100</v>
      </c>
      <c r="L29" s="141">
        <v>101</v>
      </c>
      <c r="M29" s="141">
        <v>135</v>
      </c>
      <c r="N29" s="142">
        <v>7.9468960359012714E-2</v>
      </c>
      <c r="O29" s="142">
        <v>-0.43557801202195312</v>
      </c>
      <c r="P29" s="142">
        <v>9.2146558645354343E-2</v>
      </c>
      <c r="Q29" s="144">
        <v>0.36806805169311302</v>
      </c>
      <c r="R29" s="145">
        <v>13.5</v>
      </c>
      <c r="S29" s="145">
        <v>64.8</v>
      </c>
      <c r="T29" s="146">
        <v>21.7</v>
      </c>
      <c r="U29" s="152">
        <v>44.34</v>
      </c>
      <c r="V29" s="148">
        <v>161.1</v>
      </c>
      <c r="W29" s="147"/>
    </row>
    <row r="30" spans="1:24" ht="12.75" customHeight="1">
      <c r="A30" s="151" t="s">
        <v>357</v>
      </c>
      <c r="B30" s="141">
        <v>264214</v>
      </c>
      <c r="C30" s="624">
        <v>33617</v>
      </c>
      <c r="D30" s="624">
        <v>183488</v>
      </c>
      <c r="E30" s="860">
        <v>39853</v>
      </c>
      <c r="F30" s="140">
        <v>263917</v>
      </c>
      <c r="G30" s="141">
        <v>34149</v>
      </c>
      <c r="H30" s="141">
        <v>183112</v>
      </c>
      <c r="I30" s="858">
        <v>39400</v>
      </c>
      <c r="J30" s="140">
        <v>297</v>
      </c>
      <c r="K30" s="141">
        <v>-532</v>
      </c>
      <c r="L30" s="141">
        <v>376</v>
      </c>
      <c r="M30" s="141">
        <v>453</v>
      </c>
      <c r="N30" s="142">
        <v>0.11253538044157822</v>
      </c>
      <c r="O30" s="142">
        <v>-1.5578787080148759</v>
      </c>
      <c r="P30" s="142">
        <v>0.20533880903490762</v>
      </c>
      <c r="Q30" s="144">
        <v>1.149746192893401</v>
      </c>
      <c r="R30" s="145">
        <v>13.1</v>
      </c>
      <c r="S30" s="145">
        <v>71.400000000000006</v>
      </c>
      <c r="T30" s="146">
        <v>15.5</v>
      </c>
      <c r="U30" s="152">
        <v>41.51</v>
      </c>
      <c r="V30" s="148">
        <v>118.6</v>
      </c>
      <c r="W30" s="147"/>
    </row>
    <row r="31" spans="1:24" ht="12.75" customHeight="1">
      <c r="A31" s="151" t="s">
        <v>358</v>
      </c>
      <c r="B31" s="141">
        <v>234478</v>
      </c>
      <c r="C31" s="624">
        <v>28705</v>
      </c>
      <c r="D31" s="624">
        <v>154935</v>
      </c>
      <c r="E31" s="860">
        <v>43588</v>
      </c>
      <c r="F31" s="140">
        <v>234249</v>
      </c>
      <c r="G31" s="141">
        <v>29225</v>
      </c>
      <c r="H31" s="141">
        <v>154525</v>
      </c>
      <c r="I31" s="858">
        <v>43249</v>
      </c>
      <c r="J31" s="140">
        <v>229</v>
      </c>
      <c r="K31" s="141">
        <v>-520</v>
      </c>
      <c r="L31" s="141">
        <v>410</v>
      </c>
      <c r="M31" s="141">
        <v>339</v>
      </c>
      <c r="N31" s="142">
        <v>9.7759222024427009E-2</v>
      </c>
      <c r="O31" s="142">
        <v>-1.7792985457656114</v>
      </c>
      <c r="P31" s="142">
        <v>0.26532923475165832</v>
      </c>
      <c r="Q31" s="144">
        <v>0.78383315221161176</v>
      </c>
      <c r="R31" s="145">
        <v>12.6</v>
      </c>
      <c r="S31" s="145">
        <v>68.2</v>
      </c>
      <c r="T31" s="146">
        <v>19.2</v>
      </c>
      <c r="U31" s="152">
        <v>43.46</v>
      </c>
      <c r="V31" s="148">
        <v>151.80000000000001</v>
      </c>
      <c r="W31" s="147"/>
    </row>
    <row r="32" spans="1:24" ht="12.75" customHeight="1">
      <c r="A32" s="151" t="s">
        <v>359</v>
      </c>
      <c r="B32" s="141">
        <v>223088</v>
      </c>
      <c r="C32" s="624">
        <v>23236</v>
      </c>
      <c r="D32" s="624">
        <v>148194</v>
      </c>
      <c r="E32" s="860">
        <v>43070</v>
      </c>
      <c r="F32" s="140">
        <v>221722</v>
      </c>
      <c r="G32" s="141">
        <v>23436</v>
      </c>
      <c r="H32" s="141">
        <v>146928</v>
      </c>
      <c r="I32" s="858">
        <v>42770</v>
      </c>
      <c r="J32" s="140">
        <v>1366</v>
      </c>
      <c r="K32" s="141">
        <v>-200</v>
      </c>
      <c r="L32" s="141">
        <v>1266</v>
      </c>
      <c r="M32" s="141">
        <v>300</v>
      </c>
      <c r="N32" s="142">
        <v>0.61608681141248955</v>
      </c>
      <c r="O32" s="142">
        <v>-0.85338795016214364</v>
      </c>
      <c r="P32" s="142">
        <v>0.86164652074485459</v>
      </c>
      <c r="Q32" s="144">
        <v>0.70142623334112697</v>
      </c>
      <c r="R32" s="145">
        <v>10.8</v>
      </c>
      <c r="S32" s="145">
        <v>69.099999999999994</v>
      </c>
      <c r="T32" s="146">
        <v>20.100000000000001</v>
      </c>
      <c r="U32" s="152">
        <v>43.8</v>
      </c>
      <c r="V32" s="148">
        <v>185.4</v>
      </c>
      <c r="W32" s="147"/>
    </row>
    <row r="33" spans="1:23" s="80" customFormat="1" ht="12.75" customHeight="1">
      <c r="A33" s="151" t="s">
        <v>360</v>
      </c>
      <c r="B33" s="141">
        <v>234394</v>
      </c>
      <c r="C33" s="624">
        <v>31449</v>
      </c>
      <c r="D33" s="624">
        <v>148642</v>
      </c>
      <c r="E33" s="860">
        <v>47706</v>
      </c>
      <c r="F33" s="140">
        <v>233782</v>
      </c>
      <c r="G33" s="141">
        <v>31842</v>
      </c>
      <c r="H33" s="141">
        <v>148165</v>
      </c>
      <c r="I33" s="858">
        <v>47178</v>
      </c>
      <c r="J33" s="140">
        <v>612</v>
      </c>
      <c r="K33" s="141">
        <v>-393</v>
      </c>
      <c r="L33" s="141">
        <v>477</v>
      </c>
      <c r="M33" s="141">
        <v>528</v>
      </c>
      <c r="N33" s="142">
        <v>0.26178234423522767</v>
      </c>
      <c r="O33" s="142">
        <v>-1.2342189560957226</v>
      </c>
      <c r="P33" s="142">
        <v>0.3219383795093308</v>
      </c>
      <c r="Q33" s="144">
        <v>1.1191657128322523</v>
      </c>
      <c r="R33" s="145">
        <v>13.8</v>
      </c>
      <c r="S33" s="145">
        <v>65.3</v>
      </c>
      <c r="T33" s="146">
        <v>20.9</v>
      </c>
      <c r="U33" s="152">
        <v>44.36</v>
      </c>
      <c r="V33" s="148">
        <v>151.69999999999999</v>
      </c>
      <c r="W33" s="147"/>
    </row>
    <row r="34" spans="1:23" s="80" customFormat="1" ht="12.75" customHeight="1">
      <c r="A34" s="151" t="s">
        <v>361</v>
      </c>
      <c r="B34" s="141">
        <v>180826</v>
      </c>
      <c r="C34" s="624">
        <v>22506</v>
      </c>
      <c r="D34" s="624">
        <v>111188</v>
      </c>
      <c r="E34" s="860">
        <v>43180</v>
      </c>
      <c r="F34" s="140">
        <v>180857</v>
      </c>
      <c r="G34" s="141">
        <v>22954</v>
      </c>
      <c r="H34" s="141">
        <v>111170</v>
      </c>
      <c r="I34" s="858">
        <v>42781</v>
      </c>
      <c r="J34" s="140">
        <v>-31</v>
      </c>
      <c r="K34" s="141">
        <v>-448</v>
      </c>
      <c r="L34" s="141">
        <v>18</v>
      </c>
      <c r="M34" s="141">
        <v>399</v>
      </c>
      <c r="N34" s="142">
        <v>-1.7140613855145224E-2</v>
      </c>
      <c r="O34" s="142">
        <v>-1.951729546048619</v>
      </c>
      <c r="P34" s="142">
        <v>1.6191418548169471E-2</v>
      </c>
      <c r="Q34" s="144">
        <v>0.93265702064000366</v>
      </c>
      <c r="R34" s="145">
        <v>12.7</v>
      </c>
      <c r="S34" s="145">
        <v>62.9</v>
      </c>
      <c r="T34" s="146">
        <v>24.4</v>
      </c>
      <c r="U34" s="152">
        <v>46.05</v>
      </c>
      <c r="V34" s="148">
        <v>191.9</v>
      </c>
      <c r="W34" s="147"/>
    </row>
    <row r="35" spans="1:23" s="80" customFormat="1" ht="9" customHeight="1">
      <c r="A35" s="179"/>
      <c r="B35" s="141"/>
      <c r="C35" s="141"/>
      <c r="D35" s="141"/>
      <c r="E35" s="858"/>
      <c r="F35" s="140"/>
      <c r="G35" s="141"/>
      <c r="H35" s="141"/>
      <c r="I35" s="858"/>
      <c r="J35" s="140"/>
      <c r="K35" s="141"/>
      <c r="L35" s="141"/>
      <c r="M35" s="141"/>
      <c r="N35" s="142"/>
      <c r="O35" s="143"/>
      <c r="P35" s="143"/>
      <c r="Q35" s="144"/>
      <c r="R35" s="145"/>
      <c r="S35" s="145"/>
      <c r="T35" s="146"/>
      <c r="U35" s="147"/>
      <c r="V35" s="148"/>
      <c r="W35" s="147"/>
    </row>
    <row r="36" spans="1:23" s="80" customFormat="1" ht="12.75" customHeight="1">
      <c r="A36" s="206" t="s">
        <v>362</v>
      </c>
      <c r="B36" s="138">
        <v>685839</v>
      </c>
      <c r="C36" s="138">
        <v>71884</v>
      </c>
      <c r="D36" s="138">
        <v>387756</v>
      </c>
      <c r="E36" s="857">
        <v>222384</v>
      </c>
      <c r="F36" s="137">
        <v>690758</v>
      </c>
      <c r="G36" s="138">
        <v>73653</v>
      </c>
      <c r="H36" s="138">
        <v>390180</v>
      </c>
      <c r="I36" s="857">
        <v>223110</v>
      </c>
      <c r="J36" s="137">
        <v>-4919</v>
      </c>
      <c r="K36" s="138">
        <v>-1769</v>
      </c>
      <c r="L36" s="138">
        <v>-2424</v>
      </c>
      <c r="M36" s="138">
        <v>-726</v>
      </c>
      <c r="N36" s="615">
        <v>-0.71211625489679453</v>
      </c>
      <c r="O36" s="615">
        <v>-2.4018030494345104</v>
      </c>
      <c r="P36" s="615">
        <v>-0.62125172997078271</v>
      </c>
      <c r="Q36" s="616">
        <v>-0.3254000268925642</v>
      </c>
      <c r="R36" s="600">
        <v>10.5</v>
      </c>
      <c r="S36" s="600">
        <v>56.9</v>
      </c>
      <c r="T36" s="601">
        <v>32.6</v>
      </c>
      <c r="U36" s="617">
        <v>50.39</v>
      </c>
      <c r="V36" s="618">
        <v>309.39999999999998</v>
      </c>
      <c r="W36" s="139"/>
    </row>
    <row r="37" spans="1:23" s="80" customFormat="1" ht="12.75" customHeight="1">
      <c r="A37" s="179" t="s">
        <v>363</v>
      </c>
      <c r="B37" s="141">
        <v>383260</v>
      </c>
      <c r="C37" s="141">
        <v>39059</v>
      </c>
      <c r="D37" s="141">
        <v>219118</v>
      </c>
      <c r="E37" s="858">
        <v>124397</v>
      </c>
      <c r="F37" s="140">
        <v>387289</v>
      </c>
      <c r="G37" s="141">
        <v>40440</v>
      </c>
      <c r="H37" s="141">
        <v>221545</v>
      </c>
      <c r="I37" s="858">
        <v>124618</v>
      </c>
      <c r="J37" s="140">
        <v>-4029</v>
      </c>
      <c r="K37" s="141">
        <v>-1381</v>
      </c>
      <c r="L37" s="141">
        <v>-2427</v>
      </c>
      <c r="M37" s="141">
        <v>-221</v>
      </c>
      <c r="N37" s="142">
        <v>-1.0403084001869405</v>
      </c>
      <c r="O37" s="142">
        <v>-3.4149357072205739</v>
      </c>
      <c r="P37" s="142">
        <v>-1.0954885012074296</v>
      </c>
      <c r="Q37" s="144">
        <v>-0.17734195702065514</v>
      </c>
      <c r="R37" s="145">
        <v>10.199999999999999</v>
      </c>
      <c r="S37" s="145">
        <v>57.3</v>
      </c>
      <c r="T37" s="146">
        <v>32.5</v>
      </c>
      <c r="U37" s="152">
        <v>50.01</v>
      </c>
      <c r="V37" s="148">
        <v>318.5</v>
      </c>
      <c r="W37" s="147"/>
    </row>
    <row r="38" spans="1:23" s="80" customFormat="1" ht="12.75" customHeight="1">
      <c r="A38" s="179" t="s">
        <v>364</v>
      </c>
      <c r="B38" s="141">
        <v>172698</v>
      </c>
      <c r="C38" s="141">
        <v>19260</v>
      </c>
      <c r="D38" s="141">
        <v>99405</v>
      </c>
      <c r="E38" s="858">
        <v>53144</v>
      </c>
      <c r="F38" s="140">
        <v>172700</v>
      </c>
      <c r="G38" s="141">
        <v>19452</v>
      </c>
      <c r="H38" s="141">
        <v>99003</v>
      </c>
      <c r="I38" s="858">
        <v>53356</v>
      </c>
      <c r="J38" s="140">
        <v>-2</v>
      </c>
      <c r="K38" s="141">
        <v>-192</v>
      </c>
      <c r="L38" s="141">
        <v>402</v>
      </c>
      <c r="M38" s="141">
        <v>-212</v>
      </c>
      <c r="N38" s="142">
        <v>-1.1580775911986102E-3</v>
      </c>
      <c r="O38" s="142">
        <v>-0.98704503392967302</v>
      </c>
      <c r="P38" s="142">
        <v>0.40604830156661914</v>
      </c>
      <c r="Q38" s="144">
        <v>-0.39733113426793615</v>
      </c>
      <c r="R38" s="145">
        <v>11.2</v>
      </c>
      <c r="S38" s="145">
        <v>57.9</v>
      </c>
      <c r="T38" s="146">
        <v>30.9</v>
      </c>
      <c r="U38" s="152">
        <v>50.1</v>
      </c>
      <c r="V38" s="148">
        <v>275.89999999999998</v>
      </c>
      <c r="W38" s="147"/>
    </row>
    <row r="39" spans="1:23" s="80" customFormat="1" ht="12.75" customHeight="1">
      <c r="A39" s="179" t="s">
        <v>365</v>
      </c>
      <c r="B39" s="141">
        <v>56869</v>
      </c>
      <c r="C39" s="141">
        <v>6253</v>
      </c>
      <c r="D39" s="141">
        <v>31253</v>
      </c>
      <c r="E39" s="858">
        <v>17781</v>
      </c>
      <c r="F39" s="140">
        <v>57076</v>
      </c>
      <c r="G39" s="141">
        <v>6359</v>
      </c>
      <c r="H39" s="141">
        <v>31206</v>
      </c>
      <c r="I39" s="858">
        <v>17929</v>
      </c>
      <c r="J39" s="140">
        <v>-207</v>
      </c>
      <c r="K39" s="141">
        <v>-106</v>
      </c>
      <c r="L39" s="141">
        <v>47</v>
      </c>
      <c r="M39" s="141">
        <v>-148</v>
      </c>
      <c r="N39" s="142">
        <v>-0.36267432896488888</v>
      </c>
      <c r="O39" s="142">
        <v>-1.6669287623840228</v>
      </c>
      <c r="P39" s="142">
        <v>0.15061206178299044</v>
      </c>
      <c r="Q39" s="144">
        <v>-0.82547827541971119</v>
      </c>
      <c r="R39" s="145">
        <v>11.3</v>
      </c>
      <c r="S39" s="145">
        <v>56.5</v>
      </c>
      <c r="T39" s="146">
        <v>32.200000000000003</v>
      </c>
      <c r="U39" s="152">
        <v>50.74</v>
      </c>
      <c r="V39" s="148">
        <v>284.39999999999998</v>
      </c>
      <c r="W39" s="147"/>
    </row>
    <row r="40" spans="1:23" s="80" customFormat="1" ht="12.75" customHeight="1">
      <c r="A40" s="179" t="s">
        <v>366</v>
      </c>
      <c r="B40" s="141">
        <v>41361</v>
      </c>
      <c r="C40" s="141">
        <v>3353</v>
      </c>
      <c r="D40" s="141">
        <v>20853</v>
      </c>
      <c r="E40" s="858">
        <v>16980</v>
      </c>
      <c r="F40" s="140">
        <v>41988</v>
      </c>
      <c r="G40" s="141">
        <v>3450</v>
      </c>
      <c r="H40" s="141">
        <v>21233</v>
      </c>
      <c r="I40" s="858">
        <v>17130</v>
      </c>
      <c r="J40" s="140">
        <v>-627</v>
      </c>
      <c r="K40" s="141">
        <v>-97</v>
      </c>
      <c r="L40" s="141">
        <v>-380</v>
      </c>
      <c r="M40" s="141">
        <v>-150</v>
      </c>
      <c r="N40" s="142">
        <v>-1.4932837953701059</v>
      </c>
      <c r="O40" s="142">
        <v>-2.8115942028985508</v>
      </c>
      <c r="P40" s="142">
        <v>-1.789667027739839</v>
      </c>
      <c r="Q40" s="144">
        <v>-0.87565674255691772</v>
      </c>
      <c r="R40" s="145">
        <v>8.1</v>
      </c>
      <c r="S40" s="145">
        <v>50.6</v>
      </c>
      <c r="T40" s="146">
        <v>41.2</v>
      </c>
      <c r="U40" s="152">
        <v>54.72</v>
      </c>
      <c r="V40" s="148">
        <v>506.4</v>
      </c>
      <c r="W40" s="147"/>
    </row>
    <row r="41" spans="1:23" s="80" customFormat="1" ht="12.75" customHeight="1">
      <c r="A41" s="179" t="s">
        <v>367</v>
      </c>
      <c r="B41" s="141">
        <v>31651</v>
      </c>
      <c r="C41" s="141">
        <v>3959</v>
      </c>
      <c r="D41" s="141">
        <v>17127</v>
      </c>
      <c r="E41" s="858">
        <v>10082</v>
      </c>
      <c r="F41" s="140">
        <v>31705</v>
      </c>
      <c r="G41" s="141">
        <v>3952</v>
      </c>
      <c r="H41" s="141">
        <v>17193</v>
      </c>
      <c r="I41" s="858">
        <v>10077</v>
      </c>
      <c r="J41" s="140">
        <v>-54</v>
      </c>
      <c r="K41" s="141">
        <v>7</v>
      </c>
      <c r="L41" s="141">
        <v>-66</v>
      </c>
      <c r="M41" s="141">
        <v>5</v>
      </c>
      <c r="N41" s="142">
        <v>-0.17032013877937235</v>
      </c>
      <c r="O41" s="142">
        <v>0.1771255060728745</v>
      </c>
      <c r="P41" s="142">
        <v>-0.38387715930902111</v>
      </c>
      <c r="Q41" s="144">
        <v>4.9617941847772157E-2</v>
      </c>
      <c r="R41" s="145">
        <v>12.7</v>
      </c>
      <c r="S41" s="145">
        <v>55</v>
      </c>
      <c r="T41" s="146">
        <v>32.299999999999997</v>
      </c>
      <c r="U41" s="152">
        <v>50.47</v>
      </c>
      <c r="V41" s="148">
        <v>254.7</v>
      </c>
      <c r="W41" s="147"/>
    </row>
    <row r="42" spans="1:23" s="80" customFormat="1" ht="9" customHeight="1">
      <c r="A42" s="179"/>
      <c r="B42" s="141"/>
      <c r="C42" s="141"/>
      <c r="D42" s="141"/>
      <c r="E42" s="858"/>
      <c r="F42" s="140"/>
      <c r="G42" s="141"/>
      <c r="H42" s="141"/>
      <c r="I42" s="858"/>
      <c r="J42" s="140"/>
      <c r="K42" s="141"/>
      <c r="L42" s="141"/>
      <c r="M42" s="141"/>
      <c r="N42" s="142"/>
      <c r="O42" s="143"/>
      <c r="P42" s="143"/>
      <c r="Q42" s="144"/>
      <c r="R42" s="145"/>
      <c r="S42" s="145"/>
      <c r="T42" s="146"/>
      <c r="U42" s="147"/>
      <c r="V42" s="148"/>
      <c r="W42" s="147"/>
    </row>
    <row r="43" spans="1:23" s="80" customFormat="1" ht="12.75" customHeight="1">
      <c r="A43" s="206" t="s">
        <v>368</v>
      </c>
      <c r="B43" s="138">
        <v>1586768</v>
      </c>
      <c r="C43" s="138">
        <v>182382</v>
      </c>
      <c r="D43" s="138">
        <v>958242</v>
      </c>
      <c r="E43" s="857">
        <v>407382</v>
      </c>
      <c r="F43" s="137">
        <v>1584639</v>
      </c>
      <c r="G43" s="138">
        <v>185089</v>
      </c>
      <c r="H43" s="138">
        <v>956633</v>
      </c>
      <c r="I43" s="857">
        <v>404154</v>
      </c>
      <c r="J43" s="137">
        <v>2129</v>
      </c>
      <c r="K43" s="138">
        <v>-2707</v>
      </c>
      <c r="L43" s="138">
        <v>1609</v>
      </c>
      <c r="M43" s="138">
        <v>3228</v>
      </c>
      <c r="N43" s="615">
        <v>0.13435236669045758</v>
      </c>
      <c r="O43" s="615">
        <v>-1.4625396430906212</v>
      </c>
      <c r="P43" s="615">
        <v>0.16819407233494976</v>
      </c>
      <c r="Q43" s="616">
        <v>0.79870544396442933</v>
      </c>
      <c r="R43" s="600">
        <v>11.8</v>
      </c>
      <c r="S43" s="600">
        <v>61.9</v>
      </c>
      <c r="T43" s="601">
        <v>26.3</v>
      </c>
      <c r="U43" s="617">
        <v>46.85</v>
      </c>
      <c r="V43" s="618">
        <v>223.4</v>
      </c>
      <c r="W43" s="139"/>
    </row>
    <row r="44" spans="1:23" s="80" customFormat="1" ht="12.75" customHeight="1">
      <c r="A44" s="179" t="s">
        <v>369</v>
      </c>
      <c r="B44" s="141">
        <v>726025</v>
      </c>
      <c r="C44" s="624">
        <v>80761</v>
      </c>
      <c r="D44" s="624">
        <v>435892</v>
      </c>
      <c r="E44" s="860">
        <v>187507</v>
      </c>
      <c r="F44" s="140">
        <v>725514</v>
      </c>
      <c r="G44" s="141">
        <v>82188</v>
      </c>
      <c r="H44" s="141">
        <v>435740</v>
      </c>
      <c r="I44" s="858">
        <v>185721</v>
      </c>
      <c r="J44" s="140">
        <v>511</v>
      </c>
      <c r="K44" s="141">
        <v>-1427</v>
      </c>
      <c r="L44" s="141">
        <v>152</v>
      </c>
      <c r="M44" s="141">
        <v>1786</v>
      </c>
      <c r="N44" s="142">
        <v>7.0432824177066186E-2</v>
      </c>
      <c r="O44" s="142">
        <v>-1.7362632014405996</v>
      </c>
      <c r="P44" s="142">
        <v>3.4883187221737735E-2</v>
      </c>
      <c r="Q44" s="144">
        <v>0.96165754007355109</v>
      </c>
      <c r="R44" s="145">
        <v>11.5</v>
      </c>
      <c r="S44" s="145">
        <v>61.9</v>
      </c>
      <c r="T44" s="146">
        <v>26.6</v>
      </c>
      <c r="U44" s="152">
        <v>47.1</v>
      </c>
      <c r="V44" s="148">
        <v>232.2</v>
      </c>
      <c r="W44" s="147"/>
    </row>
    <row r="45" spans="1:23" s="80" customFormat="1" ht="12.75" customHeight="1">
      <c r="A45" s="151" t="s">
        <v>348</v>
      </c>
      <c r="B45" s="141">
        <v>169461</v>
      </c>
      <c r="C45" s="141">
        <v>18160</v>
      </c>
      <c r="D45" s="141">
        <v>98760</v>
      </c>
      <c r="E45" s="858">
        <v>48279</v>
      </c>
      <c r="F45" s="140">
        <v>170019</v>
      </c>
      <c r="G45" s="141">
        <v>18629</v>
      </c>
      <c r="H45" s="141">
        <v>99333</v>
      </c>
      <c r="I45" s="858">
        <v>47795</v>
      </c>
      <c r="J45" s="140">
        <v>-558</v>
      </c>
      <c r="K45" s="141">
        <v>-469</v>
      </c>
      <c r="L45" s="141">
        <v>-573</v>
      </c>
      <c r="M45" s="141">
        <v>484</v>
      </c>
      <c r="N45" s="142">
        <v>-0.32819861309618337</v>
      </c>
      <c r="O45" s="142">
        <v>-2.5175801170218475</v>
      </c>
      <c r="P45" s="142">
        <v>-0.57684757331400438</v>
      </c>
      <c r="Q45" s="144">
        <v>1.0126582278481013</v>
      </c>
      <c r="R45" s="145">
        <v>11</v>
      </c>
      <c r="S45" s="145">
        <v>59.8</v>
      </c>
      <c r="T45" s="146">
        <v>29.2</v>
      </c>
      <c r="U45" s="152">
        <v>48.15</v>
      </c>
      <c r="V45" s="148">
        <v>265.89999999999998</v>
      </c>
      <c r="W45" s="147"/>
    </row>
    <row r="46" spans="1:23" s="80" customFormat="1" ht="12.75" customHeight="1">
      <c r="A46" s="151" t="s">
        <v>370</v>
      </c>
      <c r="B46" s="141">
        <v>274070</v>
      </c>
      <c r="C46" s="141">
        <v>31727</v>
      </c>
      <c r="D46" s="141">
        <v>166172</v>
      </c>
      <c r="E46" s="858">
        <v>67765</v>
      </c>
      <c r="F46" s="140">
        <v>273992</v>
      </c>
      <c r="G46" s="141">
        <v>32405</v>
      </c>
      <c r="H46" s="141">
        <v>166225</v>
      </c>
      <c r="I46" s="858">
        <v>66956</v>
      </c>
      <c r="J46" s="140">
        <v>78</v>
      </c>
      <c r="K46" s="141">
        <v>-678</v>
      </c>
      <c r="L46" s="141">
        <v>-53</v>
      </c>
      <c r="M46" s="141">
        <v>809</v>
      </c>
      <c r="N46" s="142">
        <v>2.8467984466699757E-2</v>
      </c>
      <c r="O46" s="142">
        <v>-2.0922697114642803</v>
      </c>
      <c r="P46" s="142">
        <v>-3.1884493908858474E-2</v>
      </c>
      <c r="Q46" s="144">
        <v>1.2082561682298825</v>
      </c>
      <c r="R46" s="145">
        <v>11.9</v>
      </c>
      <c r="S46" s="145">
        <v>62.5</v>
      </c>
      <c r="T46" s="146">
        <v>25.5</v>
      </c>
      <c r="U46" s="152">
        <v>46.5</v>
      </c>
      <c r="V46" s="148">
        <v>213.6</v>
      </c>
      <c r="W46" s="147"/>
    </row>
    <row r="47" spans="1:23" s="80" customFormat="1" ht="12.75" customHeight="1">
      <c r="A47" s="151" t="s">
        <v>340</v>
      </c>
      <c r="B47" s="141">
        <v>282494</v>
      </c>
      <c r="C47" s="141">
        <v>30874</v>
      </c>
      <c r="D47" s="141">
        <v>170960</v>
      </c>
      <c r="E47" s="858">
        <v>71463</v>
      </c>
      <c r="F47" s="140">
        <v>281503</v>
      </c>
      <c r="G47" s="141">
        <v>31154</v>
      </c>
      <c r="H47" s="141">
        <v>170182</v>
      </c>
      <c r="I47" s="858">
        <v>70970</v>
      </c>
      <c r="J47" s="140">
        <v>991</v>
      </c>
      <c r="K47" s="141">
        <v>-280</v>
      </c>
      <c r="L47" s="141">
        <v>778</v>
      </c>
      <c r="M47" s="141">
        <v>493</v>
      </c>
      <c r="N47" s="142">
        <v>0.3520388770279535</v>
      </c>
      <c r="O47" s="142">
        <v>-0.89876099377287022</v>
      </c>
      <c r="P47" s="142">
        <v>0.45715763124184694</v>
      </c>
      <c r="Q47" s="144">
        <v>0.69465971537269267</v>
      </c>
      <c r="R47" s="145">
        <v>11.3</v>
      </c>
      <c r="S47" s="145">
        <v>62.6</v>
      </c>
      <c r="T47" s="146">
        <v>26.1</v>
      </c>
      <c r="U47" s="152">
        <v>47.04</v>
      </c>
      <c r="V47" s="148">
        <v>231.5</v>
      </c>
      <c r="W47" s="147"/>
    </row>
    <row r="48" spans="1:23" s="80" customFormat="1" ht="12.75" customHeight="1">
      <c r="A48" s="179" t="s">
        <v>371</v>
      </c>
      <c r="B48" s="141">
        <v>223571</v>
      </c>
      <c r="C48" s="141">
        <v>25446</v>
      </c>
      <c r="D48" s="141">
        <v>136736</v>
      </c>
      <c r="E48" s="858">
        <v>58187</v>
      </c>
      <c r="F48" s="140">
        <v>223830</v>
      </c>
      <c r="G48" s="141">
        <v>26102</v>
      </c>
      <c r="H48" s="141">
        <v>136847</v>
      </c>
      <c r="I48" s="858">
        <v>57679</v>
      </c>
      <c r="J48" s="140">
        <v>-259</v>
      </c>
      <c r="K48" s="141">
        <v>-656</v>
      </c>
      <c r="L48" s="141">
        <v>-111</v>
      </c>
      <c r="M48" s="141">
        <v>508</v>
      </c>
      <c r="N48" s="142">
        <v>-0.11571281776348122</v>
      </c>
      <c r="O48" s="142">
        <v>-2.513217377978699</v>
      </c>
      <c r="P48" s="142">
        <v>-8.111248328425176E-2</v>
      </c>
      <c r="Q48" s="144">
        <v>0.88073648988366648</v>
      </c>
      <c r="R48" s="145">
        <v>11.5</v>
      </c>
      <c r="S48" s="145">
        <v>62</v>
      </c>
      <c r="T48" s="146">
        <v>26.4</v>
      </c>
      <c r="U48" s="152">
        <v>46.72</v>
      </c>
      <c r="V48" s="148">
        <v>228.7</v>
      </c>
      <c r="W48" s="147"/>
    </row>
    <row r="49" spans="1:23" s="80" customFormat="1" ht="12.75" customHeight="1">
      <c r="A49" s="179" t="s">
        <v>372</v>
      </c>
      <c r="B49" s="141">
        <v>241583</v>
      </c>
      <c r="C49" s="141">
        <v>29086</v>
      </c>
      <c r="D49" s="141">
        <v>148585</v>
      </c>
      <c r="E49" s="858">
        <v>57078</v>
      </c>
      <c r="F49" s="140">
        <v>239644</v>
      </c>
      <c r="G49" s="141">
        <v>28969</v>
      </c>
      <c r="H49" s="141">
        <v>147039</v>
      </c>
      <c r="I49" s="858">
        <v>56802</v>
      </c>
      <c r="J49" s="140">
        <v>1939</v>
      </c>
      <c r="K49" s="141">
        <v>117</v>
      </c>
      <c r="L49" s="141">
        <v>1546</v>
      </c>
      <c r="M49" s="141">
        <v>276</v>
      </c>
      <c r="N49" s="142">
        <v>0.8091168566707283</v>
      </c>
      <c r="O49" s="142">
        <v>0.40388000966550452</v>
      </c>
      <c r="P49" s="142">
        <v>1.0514217316494263</v>
      </c>
      <c r="Q49" s="144">
        <v>0.48589838385972323</v>
      </c>
      <c r="R49" s="145">
        <v>12.4</v>
      </c>
      <c r="S49" s="145">
        <v>63.3</v>
      </c>
      <c r="T49" s="146">
        <v>24.3</v>
      </c>
      <c r="U49" s="152">
        <v>45.95</v>
      </c>
      <c r="V49" s="148">
        <v>196.2</v>
      </c>
      <c r="W49" s="147"/>
    </row>
    <row r="50" spans="1:23" s="80" customFormat="1" ht="12.75" customHeight="1">
      <c r="A50" s="179" t="s">
        <v>373</v>
      </c>
      <c r="B50" s="141">
        <v>137523</v>
      </c>
      <c r="C50" s="141">
        <v>17431</v>
      </c>
      <c r="D50" s="141">
        <v>83869</v>
      </c>
      <c r="E50" s="858">
        <v>34171</v>
      </c>
      <c r="F50" s="140">
        <v>136699</v>
      </c>
      <c r="G50" s="141">
        <v>17605</v>
      </c>
      <c r="H50" s="141">
        <v>83153</v>
      </c>
      <c r="I50" s="858">
        <v>33889</v>
      </c>
      <c r="J50" s="140">
        <v>824</v>
      </c>
      <c r="K50" s="141">
        <v>-174</v>
      </c>
      <c r="L50" s="141">
        <v>716</v>
      </c>
      <c r="M50" s="141">
        <v>282</v>
      </c>
      <c r="N50" s="142">
        <v>0.60278421934322857</v>
      </c>
      <c r="O50" s="142">
        <v>-0.98835558080090891</v>
      </c>
      <c r="P50" s="142">
        <v>0.86106334107007554</v>
      </c>
      <c r="Q50" s="144">
        <v>0.83212841925108438</v>
      </c>
      <c r="R50" s="145">
        <v>12.9</v>
      </c>
      <c r="S50" s="145">
        <v>61.9</v>
      </c>
      <c r="T50" s="146">
        <v>25.2</v>
      </c>
      <c r="U50" s="152">
        <v>45.94</v>
      </c>
      <c r="V50" s="148">
        <v>196</v>
      </c>
      <c r="W50" s="147"/>
    </row>
    <row r="51" spans="1:23" s="80" customFormat="1" ht="12.75" customHeight="1">
      <c r="A51" s="179" t="s">
        <v>374</v>
      </c>
      <c r="B51" s="141">
        <v>132260</v>
      </c>
      <c r="C51" s="141">
        <v>14758</v>
      </c>
      <c r="D51" s="141">
        <v>80217</v>
      </c>
      <c r="E51" s="858">
        <v>33943</v>
      </c>
      <c r="F51" s="140">
        <v>132395</v>
      </c>
      <c r="G51" s="141">
        <v>14955</v>
      </c>
      <c r="H51" s="141">
        <v>80342</v>
      </c>
      <c r="I51" s="858">
        <v>33756</v>
      </c>
      <c r="J51" s="140">
        <v>-135</v>
      </c>
      <c r="K51" s="141">
        <v>-197</v>
      </c>
      <c r="L51" s="141">
        <v>-125</v>
      </c>
      <c r="M51" s="141">
        <v>187</v>
      </c>
      <c r="N51" s="142">
        <v>-0.10196759696363156</v>
      </c>
      <c r="O51" s="142">
        <v>-1.3172851889000334</v>
      </c>
      <c r="P51" s="142">
        <v>-0.15558487466082496</v>
      </c>
      <c r="Q51" s="144">
        <v>0.55397558952482517</v>
      </c>
      <c r="R51" s="145">
        <v>11.4</v>
      </c>
      <c r="S51" s="145">
        <v>62.2</v>
      </c>
      <c r="T51" s="146">
        <v>26.3</v>
      </c>
      <c r="U51" s="152">
        <v>47.31</v>
      </c>
      <c r="V51" s="148">
        <v>230</v>
      </c>
      <c r="W51" s="147"/>
    </row>
    <row r="52" spans="1:23" s="80" customFormat="1" ht="12.75" customHeight="1">
      <c r="A52" s="179" t="s">
        <v>375</v>
      </c>
      <c r="B52" s="141">
        <v>83304</v>
      </c>
      <c r="C52" s="141">
        <v>10562</v>
      </c>
      <c r="D52" s="141">
        <v>48527</v>
      </c>
      <c r="E52" s="858">
        <v>23214</v>
      </c>
      <c r="F52" s="140">
        <v>83745</v>
      </c>
      <c r="G52" s="141">
        <v>10767</v>
      </c>
      <c r="H52" s="141">
        <v>48803</v>
      </c>
      <c r="I52" s="858">
        <v>23174</v>
      </c>
      <c r="J52" s="140">
        <v>-441</v>
      </c>
      <c r="K52" s="141">
        <v>-205</v>
      </c>
      <c r="L52" s="141">
        <v>-276</v>
      </c>
      <c r="M52" s="141">
        <v>40</v>
      </c>
      <c r="N52" s="142">
        <v>-0.52659860290166571</v>
      </c>
      <c r="O52" s="142">
        <v>-1.9039658214915947</v>
      </c>
      <c r="P52" s="142">
        <v>-0.56553900374976951</v>
      </c>
      <c r="Q52" s="144">
        <v>0.17260723224303098</v>
      </c>
      <c r="R52" s="145">
        <v>12.8</v>
      </c>
      <c r="S52" s="145">
        <v>59</v>
      </c>
      <c r="T52" s="146">
        <v>28.2</v>
      </c>
      <c r="U52" s="152">
        <v>47.15</v>
      </c>
      <c r="V52" s="148">
        <v>219.8</v>
      </c>
      <c r="W52" s="147"/>
    </row>
    <row r="53" spans="1:23" s="80" customFormat="1" ht="12.75" customHeight="1">
      <c r="A53" s="179" t="s">
        <v>376</v>
      </c>
      <c r="B53" s="141">
        <v>39492</v>
      </c>
      <c r="C53" s="141">
        <v>4047</v>
      </c>
      <c r="D53" s="141">
        <v>22850</v>
      </c>
      <c r="E53" s="858">
        <v>12129</v>
      </c>
      <c r="F53" s="140">
        <v>39779</v>
      </c>
      <c r="G53" s="141">
        <v>4196</v>
      </c>
      <c r="H53" s="141">
        <v>23130</v>
      </c>
      <c r="I53" s="858">
        <v>11987</v>
      </c>
      <c r="J53" s="140">
        <v>-287</v>
      </c>
      <c r="K53" s="141">
        <v>-149</v>
      </c>
      <c r="L53" s="141">
        <v>-280</v>
      </c>
      <c r="M53" s="141">
        <v>142</v>
      </c>
      <c r="N53" s="142">
        <v>-0.72148621131752932</v>
      </c>
      <c r="O53" s="142">
        <v>-3.5510009532888462</v>
      </c>
      <c r="P53" s="142">
        <v>-1.2105490704712496</v>
      </c>
      <c r="Q53" s="144">
        <v>1.1846166680570618</v>
      </c>
      <c r="R53" s="145">
        <v>10.4</v>
      </c>
      <c r="S53" s="145">
        <v>58.6</v>
      </c>
      <c r="T53" s="146">
        <v>31.1</v>
      </c>
      <c r="U53" s="152">
        <v>49.15</v>
      </c>
      <c r="V53" s="148">
        <v>299.7</v>
      </c>
      <c r="W53" s="147"/>
    </row>
    <row r="54" spans="1:23" s="80" customFormat="1" ht="12.75" customHeight="1">
      <c r="A54" s="179" t="s">
        <v>377</v>
      </c>
      <c r="B54" s="141">
        <v>3010</v>
      </c>
      <c r="C54" s="141">
        <v>291</v>
      </c>
      <c r="D54" s="141">
        <v>1566</v>
      </c>
      <c r="E54" s="858">
        <v>1153</v>
      </c>
      <c r="F54" s="140">
        <v>3033</v>
      </c>
      <c r="G54" s="141">
        <v>307</v>
      </c>
      <c r="H54" s="141">
        <v>1579</v>
      </c>
      <c r="I54" s="858">
        <v>1146</v>
      </c>
      <c r="J54" s="140">
        <v>-23</v>
      </c>
      <c r="K54" s="141">
        <v>-16</v>
      </c>
      <c r="L54" s="141">
        <v>-13</v>
      </c>
      <c r="M54" s="141">
        <v>7</v>
      </c>
      <c r="N54" s="142">
        <v>-0.75832509066930431</v>
      </c>
      <c r="O54" s="142">
        <v>-5.2117263843648214</v>
      </c>
      <c r="P54" s="142">
        <v>-0.82330588980367314</v>
      </c>
      <c r="Q54" s="144">
        <v>0.61082024432809767</v>
      </c>
      <c r="R54" s="145">
        <v>9.6999999999999993</v>
      </c>
      <c r="S54" s="145">
        <v>52</v>
      </c>
      <c r="T54" s="146">
        <v>38.299999999999997</v>
      </c>
      <c r="U54" s="152">
        <v>52.81</v>
      </c>
      <c r="V54" s="148">
        <v>396.2</v>
      </c>
      <c r="W54" s="147"/>
    </row>
    <row r="55" spans="1:23" s="80" customFormat="1" ht="9" customHeight="1">
      <c r="A55" s="179"/>
      <c r="B55" s="141"/>
      <c r="C55" s="141"/>
      <c r="D55" s="141"/>
      <c r="E55" s="858"/>
      <c r="F55" s="140"/>
      <c r="G55" s="141"/>
      <c r="H55" s="141"/>
      <c r="I55" s="858"/>
      <c r="J55" s="140"/>
      <c r="K55" s="141"/>
      <c r="L55" s="141"/>
      <c r="M55" s="141"/>
      <c r="N55" s="142"/>
      <c r="O55" s="143"/>
      <c r="P55" s="143"/>
      <c r="Q55" s="144"/>
      <c r="R55" s="145"/>
      <c r="S55" s="145"/>
      <c r="T55" s="146"/>
      <c r="U55" s="147"/>
      <c r="V55" s="148"/>
      <c r="W55" s="147"/>
    </row>
    <row r="56" spans="1:23" s="80" customFormat="1" ht="12.75" customHeight="1">
      <c r="A56" s="206" t="s">
        <v>378</v>
      </c>
      <c r="B56" s="138">
        <v>1313636</v>
      </c>
      <c r="C56" s="138">
        <v>156927</v>
      </c>
      <c r="D56" s="138">
        <v>779098</v>
      </c>
      <c r="E56" s="857">
        <v>356316</v>
      </c>
      <c r="F56" s="137">
        <v>1310402</v>
      </c>
      <c r="G56" s="138">
        <v>158902</v>
      </c>
      <c r="H56" s="138">
        <v>776547</v>
      </c>
      <c r="I56" s="857">
        <v>353658</v>
      </c>
      <c r="J56" s="137">
        <v>3234</v>
      </c>
      <c r="K56" s="138">
        <v>-1975</v>
      </c>
      <c r="L56" s="138">
        <v>2551</v>
      </c>
      <c r="M56" s="138">
        <v>2658</v>
      </c>
      <c r="N56" s="615">
        <v>0.24679449512439697</v>
      </c>
      <c r="O56" s="615">
        <v>-1.2429044316622824</v>
      </c>
      <c r="P56" s="615">
        <v>0.32850555085526051</v>
      </c>
      <c r="Q56" s="616">
        <v>0.75157355411159932</v>
      </c>
      <c r="R56" s="600">
        <v>12.1</v>
      </c>
      <c r="S56" s="600">
        <v>60.3</v>
      </c>
      <c r="T56" s="601">
        <v>27.6</v>
      </c>
      <c r="U56" s="617">
        <v>47.46</v>
      </c>
      <c r="V56" s="618">
        <v>227.1</v>
      </c>
      <c r="W56" s="139"/>
    </row>
    <row r="57" spans="1:23" s="80" customFormat="1" ht="12.75" customHeight="1">
      <c r="A57" s="179" t="s">
        <v>379</v>
      </c>
      <c r="B57" s="141">
        <v>257631</v>
      </c>
      <c r="C57" s="141">
        <v>28448</v>
      </c>
      <c r="D57" s="141">
        <v>150509</v>
      </c>
      <c r="E57" s="858">
        <v>73188</v>
      </c>
      <c r="F57" s="140">
        <v>258298</v>
      </c>
      <c r="G57" s="141">
        <v>29214</v>
      </c>
      <c r="H57" s="141">
        <v>150920</v>
      </c>
      <c r="I57" s="858">
        <v>72678</v>
      </c>
      <c r="J57" s="140">
        <v>-667</v>
      </c>
      <c r="K57" s="141">
        <v>-766</v>
      </c>
      <c r="L57" s="141">
        <v>-411</v>
      </c>
      <c r="M57" s="141">
        <v>510</v>
      </c>
      <c r="N57" s="142">
        <v>-0.2582288674321907</v>
      </c>
      <c r="O57" s="142">
        <v>-2.6220305333059493</v>
      </c>
      <c r="P57" s="142">
        <v>-0.27232971110522131</v>
      </c>
      <c r="Q57" s="144">
        <v>0.7017254189713531</v>
      </c>
      <c r="R57" s="145">
        <v>11.3</v>
      </c>
      <c r="S57" s="145">
        <v>59.7</v>
      </c>
      <c r="T57" s="146">
        <v>29</v>
      </c>
      <c r="U57" s="152">
        <v>48.26</v>
      </c>
      <c r="V57" s="148">
        <v>257.3</v>
      </c>
      <c r="W57" s="147"/>
    </row>
    <row r="58" spans="1:23" s="80" customFormat="1" ht="12.75" customHeight="1">
      <c r="A58" s="179" t="s">
        <v>380</v>
      </c>
      <c r="B58" s="141">
        <v>441708</v>
      </c>
      <c r="C58" s="141">
        <v>56742</v>
      </c>
      <c r="D58" s="141">
        <v>269167</v>
      </c>
      <c r="E58" s="858">
        <v>107474</v>
      </c>
      <c r="F58" s="140">
        <v>438071</v>
      </c>
      <c r="G58" s="141">
        <v>56837</v>
      </c>
      <c r="H58" s="141">
        <v>266106</v>
      </c>
      <c r="I58" s="858">
        <v>106803</v>
      </c>
      <c r="J58" s="140">
        <v>3637</v>
      </c>
      <c r="K58" s="141">
        <v>-95</v>
      </c>
      <c r="L58" s="141">
        <v>3061</v>
      </c>
      <c r="M58" s="141">
        <v>671</v>
      </c>
      <c r="N58" s="142">
        <v>0.83023071602548437</v>
      </c>
      <c r="O58" s="142">
        <v>-0.16714464169467072</v>
      </c>
      <c r="P58" s="142">
        <v>1.1502934920670711</v>
      </c>
      <c r="Q58" s="144">
        <v>0.62825950581912493</v>
      </c>
      <c r="R58" s="145">
        <v>13.1</v>
      </c>
      <c r="S58" s="145">
        <v>62.1</v>
      </c>
      <c r="T58" s="146">
        <v>24.8</v>
      </c>
      <c r="U58" s="152">
        <v>46.1</v>
      </c>
      <c r="V58" s="148">
        <v>189.4</v>
      </c>
      <c r="W58" s="147"/>
    </row>
    <row r="59" spans="1:23" s="80" customFormat="1" ht="12.75" customHeight="1">
      <c r="A59" s="179" t="s">
        <v>381</v>
      </c>
      <c r="B59" s="141">
        <v>243835</v>
      </c>
      <c r="C59" s="141">
        <v>30815</v>
      </c>
      <c r="D59" s="141">
        <v>145453</v>
      </c>
      <c r="E59" s="858">
        <v>65573</v>
      </c>
      <c r="F59" s="140">
        <v>242470</v>
      </c>
      <c r="G59" s="141">
        <v>30960</v>
      </c>
      <c r="H59" s="141">
        <v>144499</v>
      </c>
      <c r="I59" s="858">
        <v>65017</v>
      </c>
      <c r="J59" s="140">
        <v>1365</v>
      </c>
      <c r="K59" s="141">
        <v>-145</v>
      </c>
      <c r="L59" s="141">
        <v>954</v>
      </c>
      <c r="M59" s="141">
        <v>556</v>
      </c>
      <c r="N59" s="142">
        <v>0.56295624200932071</v>
      </c>
      <c r="O59" s="142">
        <v>-0.4683462532299742</v>
      </c>
      <c r="P59" s="142">
        <v>0.66021218139917925</v>
      </c>
      <c r="Q59" s="144">
        <v>0.85516095790331759</v>
      </c>
      <c r="R59" s="145">
        <v>12.7</v>
      </c>
      <c r="S59" s="145">
        <v>60.1</v>
      </c>
      <c r="T59" s="146">
        <v>27.1</v>
      </c>
      <c r="U59" s="152">
        <v>47.4</v>
      </c>
      <c r="V59" s="148">
        <v>212.8</v>
      </c>
      <c r="W59" s="147"/>
    </row>
    <row r="60" spans="1:23" s="80" customFormat="1" ht="12.75" customHeight="1">
      <c r="A60" s="179" t="s">
        <v>382</v>
      </c>
      <c r="B60" s="141">
        <v>161949</v>
      </c>
      <c r="C60" s="141">
        <v>17227</v>
      </c>
      <c r="D60" s="141">
        <v>92508</v>
      </c>
      <c r="E60" s="858">
        <v>49315</v>
      </c>
      <c r="F60" s="140">
        <v>162379</v>
      </c>
      <c r="G60" s="141">
        <v>17733</v>
      </c>
      <c r="H60" s="141">
        <v>93082</v>
      </c>
      <c r="I60" s="858">
        <v>48665</v>
      </c>
      <c r="J60" s="140">
        <v>-430</v>
      </c>
      <c r="K60" s="141">
        <v>-506</v>
      </c>
      <c r="L60" s="141">
        <v>-574</v>
      </c>
      <c r="M60" s="141">
        <v>650</v>
      </c>
      <c r="N60" s="142">
        <v>-0.26481256812765197</v>
      </c>
      <c r="O60" s="142">
        <v>-2.8534370946822309</v>
      </c>
      <c r="P60" s="142">
        <v>-0.61666057884445968</v>
      </c>
      <c r="Q60" s="144">
        <v>1.3356621802116511</v>
      </c>
      <c r="R60" s="145">
        <v>10.8</v>
      </c>
      <c r="S60" s="145">
        <v>58.2</v>
      </c>
      <c r="T60" s="146">
        <v>31</v>
      </c>
      <c r="U60" s="152">
        <v>48.83</v>
      </c>
      <c r="V60" s="148">
        <v>286.3</v>
      </c>
      <c r="W60" s="147"/>
    </row>
    <row r="61" spans="1:23" s="80" customFormat="1" ht="12.75" customHeight="1">
      <c r="A61" s="179" t="s">
        <v>383</v>
      </c>
      <c r="B61" s="141">
        <v>101113</v>
      </c>
      <c r="C61" s="141">
        <v>11308</v>
      </c>
      <c r="D61" s="141">
        <v>61122</v>
      </c>
      <c r="E61" s="858">
        <v>26781</v>
      </c>
      <c r="F61" s="140">
        <v>101531</v>
      </c>
      <c r="G61" s="141">
        <v>11599</v>
      </c>
      <c r="H61" s="141">
        <v>61370</v>
      </c>
      <c r="I61" s="858">
        <v>26660</v>
      </c>
      <c r="J61" s="140">
        <v>-418</v>
      </c>
      <c r="K61" s="141">
        <v>-291</v>
      </c>
      <c r="L61" s="141">
        <v>-248</v>
      </c>
      <c r="M61" s="141">
        <v>121</v>
      </c>
      <c r="N61" s="142">
        <v>-0.41169692015246578</v>
      </c>
      <c r="O61" s="142">
        <v>-2.5088369687041987</v>
      </c>
      <c r="P61" s="142">
        <v>-0.40410624083428387</v>
      </c>
      <c r="Q61" s="144">
        <v>0.45386346586646659</v>
      </c>
      <c r="R61" s="145">
        <v>11.4</v>
      </c>
      <c r="S61" s="145">
        <v>61.6</v>
      </c>
      <c r="T61" s="146">
        <v>27</v>
      </c>
      <c r="U61" s="152">
        <v>47.07</v>
      </c>
      <c r="V61" s="148">
        <v>236.8</v>
      </c>
      <c r="W61" s="147"/>
    </row>
    <row r="62" spans="1:23" s="80" customFormat="1" ht="12.75" customHeight="1">
      <c r="A62" s="179" t="s">
        <v>384</v>
      </c>
      <c r="B62" s="141">
        <v>48570</v>
      </c>
      <c r="C62" s="141">
        <v>6135</v>
      </c>
      <c r="D62" s="141">
        <v>28579</v>
      </c>
      <c r="E62" s="858">
        <v>13354</v>
      </c>
      <c r="F62" s="140">
        <v>48438</v>
      </c>
      <c r="G62" s="141">
        <v>6179</v>
      </c>
      <c r="H62" s="141">
        <v>28480</v>
      </c>
      <c r="I62" s="858">
        <v>13277</v>
      </c>
      <c r="J62" s="140">
        <v>132</v>
      </c>
      <c r="K62" s="141">
        <v>-44</v>
      </c>
      <c r="L62" s="141">
        <v>99</v>
      </c>
      <c r="M62" s="141">
        <v>77</v>
      </c>
      <c r="N62" s="142">
        <v>0.27251331599157685</v>
      </c>
      <c r="O62" s="142">
        <v>-0.71208933484382586</v>
      </c>
      <c r="P62" s="142">
        <v>0.3476123595505618</v>
      </c>
      <c r="Q62" s="144">
        <v>0.57995028997514497</v>
      </c>
      <c r="R62" s="145">
        <v>12.8</v>
      </c>
      <c r="S62" s="145">
        <v>59.5</v>
      </c>
      <c r="T62" s="146">
        <v>27.8</v>
      </c>
      <c r="U62" s="152">
        <v>46.97</v>
      </c>
      <c r="V62" s="148">
        <v>217.7</v>
      </c>
      <c r="W62" s="147"/>
    </row>
    <row r="63" spans="1:23" s="80" customFormat="1" ht="12.75" customHeight="1">
      <c r="A63" s="179" t="s">
        <v>385</v>
      </c>
      <c r="B63" s="141">
        <v>31461</v>
      </c>
      <c r="C63" s="141">
        <v>3503</v>
      </c>
      <c r="D63" s="141">
        <v>17038</v>
      </c>
      <c r="E63" s="858">
        <v>10900</v>
      </c>
      <c r="F63" s="140">
        <v>31708</v>
      </c>
      <c r="G63" s="141">
        <v>3583</v>
      </c>
      <c r="H63" s="141">
        <v>17239</v>
      </c>
      <c r="I63" s="858">
        <v>10866</v>
      </c>
      <c r="J63" s="140">
        <v>-247</v>
      </c>
      <c r="K63" s="141">
        <v>-80</v>
      </c>
      <c r="L63" s="141">
        <v>-201</v>
      </c>
      <c r="M63" s="141">
        <v>34</v>
      </c>
      <c r="N63" s="142">
        <v>-0.77898322189983604</v>
      </c>
      <c r="O63" s="142">
        <v>-2.2327658386826683</v>
      </c>
      <c r="P63" s="142">
        <v>-1.1659609026045594</v>
      </c>
      <c r="Q63" s="144">
        <v>0.31290263206331675</v>
      </c>
      <c r="R63" s="145">
        <v>11.1</v>
      </c>
      <c r="S63" s="145">
        <v>54.2</v>
      </c>
      <c r="T63" s="146">
        <v>34.700000000000003</v>
      </c>
      <c r="U63" s="152">
        <v>51.24</v>
      </c>
      <c r="V63" s="148">
        <v>311.2</v>
      </c>
      <c r="W63" s="147"/>
    </row>
    <row r="64" spans="1:23" s="80" customFormat="1" ht="12.75" customHeight="1">
      <c r="A64" s="179" t="s">
        <v>386</v>
      </c>
      <c r="B64" s="141">
        <v>27369</v>
      </c>
      <c r="C64" s="141">
        <v>2749</v>
      </c>
      <c r="D64" s="141">
        <v>14722</v>
      </c>
      <c r="E64" s="858">
        <v>9731</v>
      </c>
      <c r="F64" s="140">
        <v>27507</v>
      </c>
      <c r="G64" s="141">
        <v>2797</v>
      </c>
      <c r="H64" s="141">
        <v>14851</v>
      </c>
      <c r="I64" s="858">
        <v>9692</v>
      </c>
      <c r="J64" s="140">
        <v>-138</v>
      </c>
      <c r="K64" s="141">
        <v>-48</v>
      </c>
      <c r="L64" s="141">
        <v>-129</v>
      </c>
      <c r="M64" s="141">
        <v>39</v>
      </c>
      <c r="N64" s="142">
        <v>-0.50169047878721784</v>
      </c>
      <c r="O64" s="142">
        <v>-1.716124419020379</v>
      </c>
      <c r="P64" s="142">
        <v>-0.86862837519358971</v>
      </c>
      <c r="Q64" s="144">
        <v>0.40239372678497726</v>
      </c>
      <c r="R64" s="145">
        <v>10.1</v>
      </c>
      <c r="S64" s="145">
        <v>54.1</v>
      </c>
      <c r="T64" s="146">
        <v>35.799999999999997</v>
      </c>
      <c r="U64" s="152">
        <v>52.07</v>
      </c>
      <c r="V64" s="148">
        <v>354</v>
      </c>
      <c r="W64" s="147"/>
    </row>
    <row r="65" spans="1:23" ht="9" customHeight="1">
      <c r="A65" s="179"/>
      <c r="B65" s="141"/>
      <c r="C65" s="141"/>
      <c r="D65" s="141"/>
      <c r="E65" s="858"/>
      <c r="F65" s="140"/>
      <c r="G65" s="141"/>
      <c r="H65" s="141"/>
      <c r="I65" s="858"/>
      <c r="J65" s="140"/>
      <c r="K65" s="141"/>
      <c r="L65" s="141"/>
      <c r="M65" s="141"/>
      <c r="N65" s="142"/>
      <c r="O65" s="143"/>
      <c r="P65" s="143"/>
      <c r="Q65" s="144"/>
      <c r="R65" s="145"/>
      <c r="S65" s="145"/>
      <c r="T65" s="146"/>
      <c r="U65" s="147"/>
      <c r="V65" s="148"/>
      <c r="W65" s="147"/>
    </row>
    <row r="66" spans="1:23" ht="12.75" customHeight="1">
      <c r="A66" s="206" t="s">
        <v>387</v>
      </c>
      <c r="B66" s="138">
        <v>334080</v>
      </c>
      <c r="C66" s="138">
        <v>34370</v>
      </c>
      <c r="D66" s="138">
        <v>186677</v>
      </c>
      <c r="E66" s="857">
        <v>107970</v>
      </c>
      <c r="F66" s="137">
        <v>336119</v>
      </c>
      <c r="G66" s="137">
        <v>35196</v>
      </c>
      <c r="H66" s="137">
        <v>188222</v>
      </c>
      <c r="I66" s="857">
        <v>107636</v>
      </c>
      <c r="J66" s="137">
        <v>-2039</v>
      </c>
      <c r="K66" s="138">
        <v>-826</v>
      </c>
      <c r="L66" s="138">
        <v>-1545</v>
      </c>
      <c r="M66" s="138">
        <v>334</v>
      </c>
      <c r="N66" s="615">
        <v>-0.60663038983217255</v>
      </c>
      <c r="O66" s="615">
        <v>-2.3468575974542563</v>
      </c>
      <c r="P66" s="615">
        <v>-0.82083922177003754</v>
      </c>
      <c r="Q66" s="616">
        <v>0.31030510238210263</v>
      </c>
      <c r="R66" s="600">
        <v>10.4</v>
      </c>
      <c r="S66" s="600">
        <v>56.7</v>
      </c>
      <c r="T66" s="601">
        <v>32.799999999999997</v>
      </c>
      <c r="U66" s="617">
        <v>50.36</v>
      </c>
      <c r="V66" s="618">
        <v>314.10000000000002</v>
      </c>
      <c r="W66" s="139"/>
    </row>
    <row r="67" spans="1:23" ht="12.75" customHeight="1">
      <c r="A67" s="179" t="s">
        <v>388</v>
      </c>
      <c r="B67" s="141">
        <v>188025</v>
      </c>
      <c r="C67" s="141">
        <v>20114</v>
      </c>
      <c r="D67" s="141">
        <v>107847</v>
      </c>
      <c r="E67" s="858">
        <v>56835</v>
      </c>
      <c r="F67" s="140">
        <v>188709</v>
      </c>
      <c r="G67" s="141">
        <v>20535</v>
      </c>
      <c r="H67" s="141">
        <v>108346</v>
      </c>
      <c r="I67" s="858">
        <v>56599</v>
      </c>
      <c r="J67" s="140">
        <v>-684</v>
      </c>
      <c r="K67" s="141">
        <v>-421</v>
      </c>
      <c r="L67" s="141">
        <v>-499</v>
      </c>
      <c r="M67" s="141">
        <v>236</v>
      </c>
      <c r="N67" s="142">
        <v>-0.36246283961019349</v>
      </c>
      <c r="O67" s="142">
        <v>-2.0501582663744826</v>
      </c>
      <c r="P67" s="142">
        <v>-0.46056153434367675</v>
      </c>
      <c r="Q67" s="144">
        <v>0.41696849767663741</v>
      </c>
      <c r="R67" s="145">
        <v>10.9</v>
      </c>
      <c r="S67" s="145">
        <v>58.4</v>
      </c>
      <c r="T67" s="146">
        <v>30.8</v>
      </c>
      <c r="U67" s="152">
        <v>49.4</v>
      </c>
      <c r="V67" s="148">
        <v>282.60000000000002</v>
      </c>
      <c r="W67" s="147"/>
    </row>
    <row r="68" spans="1:23" ht="12.75" customHeight="1">
      <c r="A68" s="179" t="s">
        <v>389</v>
      </c>
      <c r="B68" s="141">
        <v>40332</v>
      </c>
      <c r="C68" s="141">
        <v>4285</v>
      </c>
      <c r="D68" s="141">
        <v>22171</v>
      </c>
      <c r="E68" s="858">
        <v>13476</v>
      </c>
      <c r="F68" s="140">
        <v>40731</v>
      </c>
      <c r="G68" s="141">
        <v>4436</v>
      </c>
      <c r="H68" s="141">
        <v>22434</v>
      </c>
      <c r="I68" s="858">
        <v>13461</v>
      </c>
      <c r="J68" s="140">
        <v>-399</v>
      </c>
      <c r="K68" s="141">
        <v>-151</v>
      </c>
      <c r="L68" s="141">
        <v>-263</v>
      </c>
      <c r="M68" s="141">
        <v>15</v>
      </c>
      <c r="N68" s="142">
        <v>-0.97959784930396998</v>
      </c>
      <c r="O68" s="142">
        <v>-3.4039675383228136</v>
      </c>
      <c r="P68" s="142">
        <v>-1.1723277168583399</v>
      </c>
      <c r="Q68" s="144">
        <v>0.11143302874972141</v>
      </c>
      <c r="R68" s="145">
        <v>10.7</v>
      </c>
      <c r="S68" s="145">
        <v>55.5</v>
      </c>
      <c r="T68" s="146">
        <v>33.700000000000003</v>
      </c>
      <c r="U68" s="152">
        <v>50.72</v>
      </c>
      <c r="V68" s="148">
        <v>314.5</v>
      </c>
      <c r="W68" s="147"/>
    </row>
    <row r="69" spans="1:23" ht="12.75" customHeight="1">
      <c r="A69" s="179" t="s">
        <v>390</v>
      </c>
      <c r="B69" s="141">
        <v>9100</v>
      </c>
      <c r="C69" s="141">
        <v>798</v>
      </c>
      <c r="D69" s="141">
        <v>4672</v>
      </c>
      <c r="E69" s="858">
        <v>3308</v>
      </c>
      <c r="F69" s="140">
        <v>9263</v>
      </c>
      <c r="G69" s="141">
        <v>832</v>
      </c>
      <c r="H69" s="141">
        <v>4809</v>
      </c>
      <c r="I69" s="858">
        <v>3300</v>
      </c>
      <c r="J69" s="140">
        <v>-163</v>
      </c>
      <c r="K69" s="141">
        <v>-34</v>
      </c>
      <c r="L69" s="141">
        <v>-137</v>
      </c>
      <c r="M69" s="141">
        <v>8</v>
      </c>
      <c r="N69" s="142">
        <v>-1.7596890856094136</v>
      </c>
      <c r="O69" s="142">
        <v>-4.0865384615384617</v>
      </c>
      <c r="P69" s="142">
        <v>-2.8488251195674779</v>
      </c>
      <c r="Q69" s="144">
        <v>0.24242424242424243</v>
      </c>
      <c r="R69" s="145">
        <v>9.1</v>
      </c>
      <c r="S69" s="145">
        <v>53.2</v>
      </c>
      <c r="T69" s="146">
        <v>37.700000000000003</v>
      </c>
      <c r="U69" s="152">
        <v>52.41</v>
      </c>
      <c r="V69" s="148">
        <v>414.5</v>
      </c>
      <c r="W69" s="147"/>
    </row>
    <row r="70" spans="1:23" ht="12.75" customHeight="1">
      <c r="A70" s="179" t="s">
        <v>391</v>
      </c>
      <c r="B70" s="141">
        <v>17195</v>
      </c>
      <c r="C70" s="141">
        <v>1974</v>
      </c>
      <c r="D70" s="141">
        <v>10100</v>
      </c>
      <c r="E70" s="858">
        <v>5005</v>
      </c>
      <c r="F70" s="140">
        <v>17161</v>
      </c>
      <c r="G70" s="141">
        <v>2009</v>
      </c>
      <c r="H70" s="141">
        <v>10063</v>
      </c>
      <c r="I70" s="858">
        <v>4973</v>
      </c>
      <c r="J70" s="140">
        <v>34</v>
      </c>
      <c r="K70" s="141">
        <v>-35</v>
      </c>
      <c r="L70" s="141">
        <v>37</v>
      </c>
      <c r="M70" s="141">
        <v>32</v>
      </c>
      <c r="N70" s="142">
        <v>0.19812365246780492</v>
      </c>
      <c r="O70" s="142">
        <v>-1.7421602787456445</v>
      </c>
      <c r="P70" s="142">
        <v>0.36768359336182049</v>
      </c>
      <c r="Q70" s="144">
        <v>0.64347476372411017</v>
      </c>
      <c r="R70" s="145">
        <v>11.6</v>
      </c>
      <c r="S70" s="145">
        <v>59.1</v>
      </c>
      <c r="T70" s="146">
        <v>29.3</v>
      </c>
      <c r="U70" s="152">
        <v>48.13</v>
      </c>
      <c r="V70" s="148">
        <v>253.5</v>
      </c>
      <c r="W70" s="147"/>
    </row>
    <row r="71" spans="1:23" ht="12.75" customHeight="1">
      <c r="A71" s="179" t="s">
        <v>392</v>
      </c>
      <c r="B71" s="141">
        <v>10613</v>
      </c>
      <c r="C71" s="141">
        <v>989</v>
      </c>
      <c r="D71" s="141">
        <v>5836</v>
      </c>
      <c r="E71" s="858">
        <v>3663</v>
      </c>
      <c r="F71" s="140">
        <v>10789</v>
      </c>
      <c r="G71" s="141">
        <v>1009</v>
      </c>
      <c r="H71" s="141">
        <v>6015</v>
      </c>
      <c r="I71" s="858">
        <v>3640</v>
      </c>
      <c r="J71" s="140">
        <v>-176</v>
      </c>
      <c r="K71" s="141">
        <v>-20</v>
      </c>
      <c r="L71" s="141">
        <v>-179</v>
      </c>
      <c r="M71" s="141">
        <v>23</v>
      </c>
      <c r="N71" s="142">
        <v>-1.6312911298544814</v>
      </c>
      <c r="O71" s="142">
        <v>-1.9821605550049552</v>
      </c>
      <c r="P71" s="142">
        <v>-2.975893599334996</v>
      </c>
      <c r="Q71" s="144">
        <v>0.63186813186813184</v>
      </c>
      <c r="R71" s="145">
        <v>9.4</v>
      </c>
      <c r="S71" s="145">
        <v>55.6</v>
      </c>
      <c r="T71" s="146">
        <v>34.9</v>
      </c>
      <c r="U71" s="152">
        <v>51.62</v>
      </c>
      <c r="V71" s="148">
        <v>370.4</v>
      </c>
      <c r="W71" s="147"/>
    </row>
    <row r="72" spans="1:23" ht="12.75" customHeight="1">
      <c r="A72" s="179" t="s">
        <v>393</v>
      </c>
      <c r="B72" s="141">
        <v>9556</v>
      </c>
      <c r="C72" s="141">
        <v>796</v>
      </c>
      <c r="D72" s="141">
        <v>4834</v>
      </c>
      <c r="E72" s="858">
        <v>3898</v>
      </c>
      <c r="F72" s="140">
        <v>9733</v>
      </c>
      <c r="G72" s="141">
        <v>825</v>
      </c>
      <c r="H72" s="141">
        <v>4999</v>
      </c>
      <c r="I72" s="858">
        <v>3881</v>
      </c>
      <c r="J72" s="140">
        <v>-177</v>
      </c>
      <c r="K72" s="141">
        <v>-29</v>
      </c>
      <c r="L72" s="141">
        <v>-165</v>
      </c>
      <c r="M72" s="141">
        <v>17</v>
      </c>
      <c r="N72" s="142">
        <v>-1.8185554299804789</v>
      </c>
      <c r="O72" s="142">
        <v>-3.5151515151515147</v>
      </c>
      <c r="P72" s="142">
        <v>-3.3006601320264055</v>
      </c>
      <c r="Q72" s="144">
        <v>0.43803143519711413</v>
      </c>
      <c r="R72" s="145">
        <v>8.4</v>
      </c>
      <c r="S72" s="145">
        <v>50.7</v>
      </c>
      <c r="T72" s="146">
        <v>40.9</v>
      </c>
      <c r="U72" s="152">
        <v>54.44</v>
      </c>
      <c r="V72" s="148">
        <v>489.7</v>
      </c>
      <c r="W72" s="147"/>
    </row>
    <row r="73" spans="1:23" ht="12.75" customHeight="1">
      <c r="A73" s="179" t="s">
        <v>394</v>
      </c>
      <c r="B73" s="141">
        <v>18561</v>
      </c>
      <c r="C73" s="141">
        <v>2710</v>
      </c>
      <c r="D73" s="141">
        <v>10952</v>
      </c>
      <c r="E73" s="858">
        <v>4851</v>
      </c>
      <c r="F73" s="140">
        <v>18398</v>
      </c>
      <c r="G73" s="141">
        <v>2705</v>
      </c>
      <c r="H73" s="141">
        <v>10859</v>
      </c>
      <c r="I73" s="858">
        <v>4786</v>
      </c>
      <c r="J73" s="140">
        <v>163</v>
      </c>
      <c r="K73" s="141">
        <v>5</v>
      </c>
      <c r="L73" s="141">
        <v>93</v>
      </c>
      <c r="M73" s="141">
        <v>65</v>
      </c>
      <c r="N73" s="142">
        <v>0.88596586585498427</v>
      </c>
      <c r="O73" s="142">
        <v>0.18484288354898337</v>
      </c>
      <c r="P73" s="142">
        <v>0.85643245234367804</v>
      </c>
      <c r="Q73" s="144">
        <v>1.3581278729628083</v>
      </c>
      <c r="R73" s="145">
        <v>14.6</v>
      </c>
      <c r="S73" s="145">
        <v>59.2</v>
      </c>
      <c r="T73" s="146">
        <v>26.2</v>
      </c>
      <c r="U73" s="152">
        <v>46.06</v>
      </c>
      <c r="V73" s="148">
        <v>179</v>
      </c>
      <c r="W73" s="147"/>
    </row>
    <row r="74" spans="1:23" ht="12.75" customHeight="1">
      <c r="A74" s="179" t="s">
        <v>395</v>
      </c>
      <c r="B74" s="141">
        <v>11082</v>
      </c>
      <c r="C74" s="141">
        <v>637</v>
      </c>
      <c r="D74" s="141">
        <v>5824</v>
      </c>
      <c r="E74" s="858">
        <v>4072</v>
      </c>
      <c r="F74" s="140">
        <v>11245</v>
      </c>
      <c r="G74" s="141">
        <v>685</v>
      </c>
      <c r="H74" s="141">
        <v>5911</v>
      </c>
      <c r="I74" s="858">
        <v>4099</v>
      </c>
      <c r="J74" s="140">
        <v>-163</v>
      </c>
      <c r="K74" s="141">
        <v>-48</v>
      </c>
      <c r="L74" s="141">
        <v>-87</v>
      </c>
      <c r="M74" s="141">
        <v>-27</v>
      </c>
      <c r="N74" s="142">
        <v>-1.4495331258337039</v>
      </c>
      <c r="O74" s="142">
        <v>-7.007299270072993</v>
      </c>
      <c r="P74" s="142">
        <v>-1.4718321772965659</v>
      </c>
      <c r="Q74" s="144">
        <v>-0.65869724323005607</v>
      </c>
      <c r="R74" s="145">
        <v>6</v>
      </c>
      <c r="S74" s="145">
        <v>55.3</v>
      </c>
      <c r="T74" s="146">
        <v>38.700000000000003</v>
      </c>
      <c r="U74" s="152">
        <v>52.98</v>
      </c>
      <c r="V74" s="148">
        <v>639.20000000000005</v>
      </c>
      <c r="W74" s="147"/>
    </row>
    <row r="75" spans="1:23" ht="12.75" customHeight="1">
      <c r="A75" s="179" t="s">
        <v>396</v>
      </c>
      <c r="B75" s="141">
        <v>6575</v>
      </c>
      <c r="C75" s="141">
        <v>431</v>
      </c>
      <c r="D75" s="141">
        <v>3220</v>
      </c>
      <c r="E75" s="858">
        <v>2917</v>
      </c>
      <c r="F75" s="140">
        <v>6707</v>
      </c>
      <c r="G75" s="141">
        <v>446</v>
      </c>
      <c r="H75" s="141">
        <v>3325</v>
      </c>
      <c r="I75" s="858">
        <v>2928</v>
      </c>
      <c r="J75" s="140">
        <v>-132</v>
      </c>
      <c r="K75" s="141">
        <v>-15</v>
      </c>
      <c r="L75" s="141">
        <v>-105</v>
      </c>
      <c r="M75" s="141">
        <v>-11</v>
      </c>
      <c r="N75" s="142">
        <v>-1.9680930371253913</v>
      </c>
      <c r="O75" s="142">
        <v>-3.3632286995515694</v>
      </c>
      <c r="P75" s="142">
        <v>-3.1578947368421053</v>
      </c>
      <c r="Q75" s="144">
        <v>-0.37568306010928959</v>
      </c>
      <c r="R75" s="145">
        <v>6.6</v>
      </c>
      <c r="S75" s="145">
        <v>49</v>
      </c>
      <c r="T75" s="146">
        <v>44.4</v>
      </c>
      <c r="U75" s="152">
        <v>57.28</v>
      </c>
      <c r="V75" s="148">
        <v>676.8</v>
      </c>
      <c r="W75" s="147"/>
    </row>
    <row r="76" spans="1:23" ht="12.75" customHeight="1">
      <c r="A76" s="179" t="s">
        <v>397</v>
      </c>
      <c r="B76" s="141">
        <v>23041</v>
      </c>
      <c r="C76" s="141">
        <v>1636</v>
      </c>
      <c r="D76" s="141">
        <v>11221</v>
      </c>
      <c r="E76" s="858">
        <v>9945</v>
      </c>
      <c r="F76" s="140">
        <v>23383</v>
      </c>
      <c r="G76" s="141">
        <v>1714</v>
      </c>
      <c r="H76" s="141">
        <v>11461</v>
      </c>
      <c r="I76" s="858">
        <v>9969</v>
      </c>
      <c r="J76" s="140">
        <v>-342</v>
      </c>
      <c r="K76" s="141">
        <v>-78</v>
      </c>
      <c r="L76" s="141">
        <v>-240</v>
      </c>
      <c r="M76" s="141">
        <v>-24</v>
      </c>
      <c r="N76" s="142">
        <v>-1.4626010349399137</v>
      </c>
      <c r="O76" s="142">
        <v>-4.5507584597432906</v>
      </c>
      <c r="P76" s="142">
        <v>-2.0940581101125555</v>
      </c>
      <c r="Q76" s="144">
        <v>-0.24074631357207343</v>
      </c>
      <c r="R76" s="145">
        <v>7.2</v>
      </c>
      <c r="S76" s="145">
        <v>49.2</v>
      </c>
      <c r="T76" s="146">
        <v>43.6</v>
      </c>
      <c r="U76" s="152">
        <v>56.33</v>
      </c>
      <c r="V76" s="148">
        <v>607.9</v>
      </c>
      <c r="W76" s="147"/>
    </row>
    <row r="77" spans="1:23" ht="12.6" customHeight="1" thickBot="1">
      <c r="A77" s="157"/>
      <c r="B77" s="158"/>
      <c r="C77" s="158"/>
      <c r="D77" s="158"/>
      <c r="E77" s="159"/>
      <c r="F77" s="160"/>
      <c r="G77" s="158"/>
      <c r="H77" s="158"/>
      <c r="I77" s="159"/>
      <c r="J77" s="1007"/>
      <c r="K77" s="158"/>
      <c r="L77" s="158"/>
      <c r="M77" s="158"/>
      <c r="N77" s="161"/>
      <c r="O77" s="162"/>
      <c r="P77" s="162"/>
      <c r="Q77" s="163"/>
      <c r="R77" s="162"/>
      <c r="S77" s="162"/>
      <c r="T77" s="163"/>
      <c r="U77" s="164"/>
      <c r="V77" s="165"/>
      <c r="W77" s="147"/>
    </row>
    <row r="78" spans="1:23" s="171" customFormat="1" ht="9" customHeight="1" thickTop="1">
      <c r="A78" s="166"/>
      <c r="B78" s="167"/>
      <c r="C78" s="167"/>
      <c r="D78" s="167"/>
      <c r="E78" s="167"/>
      <c r="F78" s="167"/>
      <c r="G78" s="167"/>
      <c r="H78" s="167"/>
      <c r="I78" s="167"/>
      <c r="J78" s="167"/>
      <c r="K78" s="167"/>
      <c r="L78" s="168"/>
      <c r="M78" s="169"/>
      <c r="N78" s="169"/>
      <c r="O78" s="169"/>
      <c r="P78" s="169"/>
      <c r="Q78" s="169"/>
      <c r="R78" s="169"/>
      <c r="S78" s="170"/>
      <c r="T78" s="169"/>
      <c r="U78" s="169"/>
    </row>
    <row r="79" spans="1:23" s="171" customFormat="1" ht="15.95" customHeight="1">
      <c r="A79" s="172" t="s">
        <v>83</v>
      </c>
      <c r="B79" s="173"/>
      <c r="C79" s="173"/>
      <c r="D79" s="173"/>
      <c r="E79" s="173"/>
      <c r="F79" s="173"/>
      <c r="G79" s="173"/>
      <c r="H79" s="173"/>
      <c r="I79" s="173"/>
      <c r="J79" s="173"/>
      <c r="K79" s="173"/>
      <c r="L79" s="174"/>
      <c r="M79" s="174"/>
      <c r="N79" s="174"/>
      <c r="O79" s="174"/>
      <c r="P79" s="174"/>
      <c r="Q79" s="174"/>
      <c r="R79" s="174"/>
      <c r="S79" s="174"/>
      <c r="T79" s="174"/>
      <c r="U79" s="174"/>
    </row>
    <row r="80" spans="1:23" s="171" customFormat="1" ht="14.25">
      <c r="A80" s="172" t="s">
        <v>398</v>
      </c>
      <c r="B80" s="173"/>
      <c r="C80" s="173"/>
      <c r="D80" s="173"/>
      <c r="E80" s="173"/>
      <c r="F80" s="173"/>
      <c r="G80" s="173"/>
      <c r="H80" s="173"/>
      <c r="I80" s="173"/>
      <c r="J80" s="173"/>
      <c r="K80" s="173"/>
      <c r="L80" s="174"/>
      <c r="M80" s="175"/>
      <c r="N80" s="175"/>
      <c r="O80" s="175"/>
      <c r="P80" s="175"/>
      <c r="Q80" s="175"/>
      <c r="R80" s="175"/>
      <c r="S80" s="175"/>
      <c r="T80" s="175"/>
      <c r="U80" s="174"/>
    </row>
    <row r="81" spans="2:24" s="131" customFormat="1">
      <c r="B81" s="187"/>
      <c r="C81" s="187"/>
      <c r="D81" s="187"/>
      <c r="E81" s="187"/>
      <c r="F81" s="187"/>
      <c r="G81" s="187"/>
      <c r="H81" s="187"/>
      <c r="I81" s="187"/>
      <c r="J81" s="187"/>
      <c r="K81" s="187"/>
      <c r="L81" s="187"/>
      <c r="M81" s="187"/>
      <c r="X81" s="80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firstPageNumber="16" orientation="landscape" blackAndWhite="1" useFirstPageNumber="1" r:id="rId1"/>
  <headerFooter scaleWithDoc="0" alignWithMargins="0"/>
  <colBreaks count="1" manualBreakCount="1">
    <brk id="9" max="7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3</vt:i4>
      </vt:variant>
      <vt:variant>
        <vt:lpstr>名前付き一覧</vt:lpstr>
      </vt:variant>
      <vt:variant>
        <vt:i4>25</vt:i4>
      </vt:variant>
    </vt:vector>
  </HeadingPairs>
  <TitlesOfParts>
    <vt:vector size="58" baseType="lpstr">
      <vt:lpstr>表１・２</vt:lpstr>
      <vt:lpstr>表３</vt:lpstr>
      <vt:lpstr>表４・5</vt:lpstr>
      <vt:lpstr>表６</vt:lpstr>
      <vt:lpstr>表７</vt:lpstr>
      <vt:lpstr>表８</vt:lpstr>
      <vt:lpstr>表９</vt:lpstr>
      <vt:lpstr>表10</vt:lpstr>
      <vt:lpstr>表11-1</vt:lpstr>
      <vt:lpstr>表11-2</vt:lpstr>
      <vt:lpstr>表11-3</vt:lpstr>
      <vt:lpstr>表12</vt:lpstr>
      <vt:lpstr>表13</vt:lpstr>
      <vt:lpstr>表14-1</vt:lpstr>
      <vt:lpstr>表14-2</vt:lpstr>
      <vt:lpstr>表14-3</vt:lpstr>
      <vt:lpstr>表14-4</vt:lpstr>
      <vt:lpstr>表14-5</vt:lpstr>
      <vt:lpstr>表14-6</vt:lpstr>
      <vt:lpstr>表14-7</vt:lpstr>
      <vt:lpstr>表15-1</vt:lpstr>
      <vt:lpstr>表15-2</vt:lpstr>
      <vt:lpstr>表15-3</vt:lpstr>
      <vt:lpstr>表15-4</vt:lpstr>
      <vt:lpstr>表15-5</vt:lpstr>
      <vt:lpstr>表15-6</vt:lpstr>
      <vt:lpstr>表15-7</vt:lpstr>
      <vt:lpstr>表16-1</vt:lpstr>
      <vt:lpstr>表16-2</vt:lpstr>
      <vt:lpstr>表16-3</vt:lpstr>
      <vt:lpstr>表16-4</vt:lpstr>
      <vt:lpstr>参考資料１</vt:lpstr>
      <vt:lpstr>参考資料２</vt:lpstr>
      <vt:lpstr>参考資料１!Print_Area</vt:lpstr>
      <vt:lpstr>参考資料２!Print_Area</vt:lpstr>
      <vt:lpstr>表１・２!Print_Area</vt:lpstr>
      <vt:lpstr>'表11-1'!Print_Area</vt:lpstr>
      <vt:lpstr>'表11-2'!Print_Area</vt:lpstr>
      <vt:lpstr>'表11-3'!Print_Area</vt:lpstr>
      <vt:lpstr>表12!Print_Area</vt:lpstr>
      <vt:lpstr>表13!Print_Area</vt:lpstr>
      <vt:lpstr>'表14-1'!Print_Area</vt:lpstr>
      <vt:lpstr>'表14-2'!Print_Area</vt:lpstr>
      <vt:lpstr>'表14-3'!Print_Area</vt:lpstr>
      <vt:lpstr>'表14-4'!Print_Area</vt:lpstr>
      <vt:lpstr>'表14-5'!Print_Area</vt:lpstr>
      <vt:lpstr>'表14-6'!Print_Area</vt:lpstr>
      <vt:lpstr>'表14-7'!Print_Area</vt:lpstr>
      <vt:lpstr>'表16-1'!Print_Area</vt:lpstr>
      <vt:lpstr>'表16-2'!Print_Area</vt:lpstr>
      <vt:lpstr>'表16-3'!Print_Area</vt:lpstr>
      <vt:lpstr>'表16-4'!Print_Area</vt:lpstr>
      <vt:lpstr>表３!Print_Area</vt:lpstr>
      <vt:lpstr>表４・5!Print_Area</vt:lpstr>
      <vt:lpstr>表６!Print_Area</vt:lpstr>
      <vt:lpstr>表７!Print_Area</vt:lpstr>
      <vt:lpstr>表８!Print_Area</vt:lpstr>
      <vt:lpstr>表９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7-04T07:01:06Z</cp:lastPrinted>
  <dcterms:created xsi:type="dcterms:W3CDTF">2022-07-01T02:08:14Z</dcterms:created>
  <dcterms:modified xsi:type="dcterms:W3CDTF">2022-07-12T06:38:06Z</dcterms:modified>
</cp:coreProperties>
</file>